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4表" sheetId="1" r:id="rId1"/>
  </sheets>
  <definedNames>
    <definedName name="_Fill" localSheetId="0" hidden="1">第14表!#REF!</definedName>
    <definedName name="_Fill" hidden="1">#REF!</definedName>
    <definedName name="_xlnm._FilterDatabase" localSheetId="0" hidden="1">第14表!$A$6:$N$57</definedName>
    <definedName name="_Key1" localSheetId="0" hidden="1">第14表!#REF!</definedName>
    <definedName name="_Key1" hidden="1">#REF!</definedName>
    <definedName name="_Order1" hidden="1">0</definedName>
    <definedName name="_Regression_Int" localSheetId="0" hidden="1">1</definedName>
    <definedName name="\a" localSheetId="0">第14表!#REF!</definedName>
    <definedName name="\a">#REF!</definedName>
    <definedName name="\b" localSheetId="0">第14表!#REF!</definedName>
    <definedName name="\b">#REF!</definedName>
    <definedName name="_xlnm.Print_Area" localSheetId="0">第14表!$A$1:$N$55</definedName>
    <definedName name="Print_Area_MI" localSheetId="0">第14表!$A$1:$N$5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2" uniqueCount="129">
  <si>
    <t>第１４表　国保条例及び福祉政策による給付割合の引上げの状況</t>
    <rPh sb="0" eb="1">
      <t>ダイ</t>
    </rPh>
    <rPh sb="3" eb="4">
      <t>ヒョウ</t>
    </rPh>
    <rPh sb="5" eb="7">
      <t>コクホ</t>
    </rPh>
    <rPh sb="7" eb="9">
      <t>ジョウレイ</t>
    </rPh>
    <rPh sb="9" eb="10">
      <t>オヨ</t>
    </rPh>
    <rPh sb="11" eb="13">
      <t>フクシ</t>
    </rPh>
    <rPh sb="13" eb="15">
      <t>セイサク</t>
    </rPh>
    <rPh sb="18" eb="20">
      <t>キュウフ</t>
    </rPh>
    <rPh sb="20" eb="22">
      <t>ワリアイ</t>
    </rPh>
    <rPh sb="23" eb="25">
      <t>ヒキア</t>
    </rPh>
    <rPh sb="27" eb="29">
      <t>ジョウキョウ</t>
    </rPh>
    <phoneticPr fontId="4"/>
  </si>
  <si>
    <t>一部負担金割合</t>
    <rPh sb="2" eb="5">
      <t>フタンキン</t>
    </rPh>
    <rPh sb="5" eb="7">
      <t>ワリアイ</t>
    </rPh>
    <phoneticPr fontId="4"/>
  </si>
  <si>
    <t>重度障害者一部負担金</t>
    <rPh sb="2" eb="5">
      <t>ショウガイシャ</t>
    </rPh>
    <rPh sb="5" eb="7">
      <t>イチブ</t>
    </rPh>
    <rPh sb="7" eb="9">
      <t>フタン</t>
    </rPh>
    <rPh sb="9" eb="10">
      <t>キン</t>
    </rPh>
    <phoneticPr fontId="4"/>
  </si>
  <si>
    <t>結核精神公費
一部負担金</t>
    <rPh sb="7" eb="9">
      <t>イチブ</t>
    </rPh>
    <rPh sb="9" eb="12">
      <t>フタンキン</t>
    </rPh>
    <phoneticPr fontId="4"/>
  </si>
  <si>
    <t>ひとり
親一部
負担金</t>
    <rPh sb="4" eb="5">
      <t>オヤ</t>
    </rPh>
    <rPh sb="5" eb="7">
      <t>イチブ</t>
    </rPh>
    <rPh sb="8" eb="11">
      <t>フタンキン</t>
    </rPh>
    <phoneticPr fontId="4"/>
  </si>
  <si>
    <t>小児
一部負担金</t>
    <rPh sb="3" eb="5">
      <t>イチブ</t>
    </rPh>
    <rPh sb="5" eb="8">
      <t>フタンキン</t>
    </rPh>
    <phoneticPr fontId="4"/>
  </si>
  <si>
    <t>老人医療
公費負担</t>
    <rPh sb="2" eb="4">
      <t>イリョウ</t>
    </rPh>
    <rPh sb="5" eb="7">
      <t>コウヒ</t>
    </rPh>
    <rPh sb="7" eb="9">
      <t>フタン</t>
    </rPh>
    <phoneticPr fontId="4"/>
  </si>
  <si>
    <t>その他の給付（千円）</t>
    <rPh sb="2" eb="3">
      <t>タ</t>
    </rPh>
    <rPh sb="4" eb="6">
      <t>キュウフ</t>
    </rPh>
    <rPh sb="7" eb="9">
      <t>センエン</t>
    </rPh>
    <phoneticPr fontId="4"/>
  </si>
  <si>
    <t>備       考</t>
  </si>
  <si>
    <t>保険者名</t>
  </si>
  <si>
    <t>（注２）</t>
    <rPh sb="1" eb="2">
      <t>チュウ</t>
    </rPh>
    <phoneticPr fontId="4"/>
  </si>
  <si>
    <t>出産育児
一時金</t>
    <rPh sb="2" eb="4">
      <t>イクジ</t>
    </rPh>
    <rPh sb="5" eb="8">
      <t>イチジキン</t>
    </rPh>
    <phoneticPr fontId="4"/>
  </si>
  <si>
    <t>葬祭費</t>
  </si>
  <si>
    <t>（注１）</t>
    <rPh sb="1" eb="2">
      <t>チュウ</t>
    </rPh>
    <phoneticPr fontId="4"/>
  </si>
  <si>
    <t>結核</t>
  </si>
  <si>
    <t>精神</t>
  </si>
  <si>
    <t>(年齢)</t>
  </si>
  <si>
    <t xml:space="preserve"> 横浜市</t>
  </si>
  <si>
    <t>3割</t>
    <phoneticPr fontId="4"/>
  </si>
  <si>
    <t>0割</t>
    <phoneticPr fontId="4"/>
  </si>
  <si>
    <t>0割(1)</t>
    <phoneticPr fontId="4"/>
  </si>
  <si>
    <t xml:space="preserve"> ---</t>
  </si>
  <si>
    <t>(1)0歳～中学生（１歳以上所得制限あり・保護者の住民税が課税の小学４～６年生については、通院1回500円までの負担あり）</t>
    <rPh sb="4" eb="5">
      <t>サイ</t>
    </rPh>
    <rPh sb="6" eb="9">
      <t>チュウガクセイ</t>
    </rPh>
    <rPh sb="11" eb="12">
      <t>サイ</t>
    </rPh>
    <rPh sb="12" eb="14">
      <t>イジョウ</t>
    </rPh>
    <rPh sb="14" eb="16">
      <t>ショトク</t>
    </rPh>
    <rPh sb="16" eb="18">
      <t>セイゲン</t>
    </rPh>
    <rPh sb="21" eb="24">
      <t>ホゴシャ</t>
    </rPh>
    <rPh sb="25" eb="28">
      <t>ジュウミンゼイ</t>
    </rPh>
    <rPh sb="29" eb="31">
      <t>カゼイ</t>
    </rPh>
    <rPh sb="32" eb="34">
      <t>ショウガク</t>
    </rPh>
    <rPh sb="37" eb="39">
      <t>ネンセイ</t>
    </rPh>
    <rPh sb="45" eb="47">
      <t>ツウイン</t>
    </rPh>
    <rPh sb="48" eb="49">
      <t>カイ</t>
    </rPh>
    <rPh sb="52" eb="53">
      <t>エン</t>
    </rPh>
    <rPh sb="56" eb="58">
      <t>フタン</t>
    </rPh>
    <phoneticPr fontId="4"/>
  </si>
  <si>
    <t xml:space="preserve"> 川崎市</t>
  </si>
  <si>
    <t>3割</t>
    <rPh sb="1" eb="2">
      <t>ワリ</t>
    </rPh>
    <phoneticPr fontId="4"/>
  </si>
  <si>
    <t>0割(2)</t>
    <phoneticPr fontId="4"/>
  </si>
  <si>
    <t>(1)精神障害者保健福祉手帳1級医科入院は除く(2)小学校3年生までの入通院、中学卒業までの入院（償還払）所得制限あり。（保護者の住民税課税の10歳〜12歳については、通院1回500円までの負担あり）　</t>
    <rPh sb="3" eb="5">
      <t>セイシン</t>
    </rPh>
    <rPh sb="5" eb="7">
      <t>ショウガイ</t>
    </rPh>
    <rPh sb="7" eb="8">
      <t>シャ</t>
    </rPh>
    <rPh sb="8" eb="10">
      <t>ホケン</t>
    </rPh>
    <rPh sb="10" eb="12">
      <t>フクシ</t>
    </rPh>
    <rPh sb="12" eb="14">
      <t>テチョウ</t>
    </rPh>
    <rPh sb="15" eb="16">
      <t>キュウ</t>
    </rPh>
    <rPh sb="16" eb="18">
      <t>イカ</t>
    </rPh>
    <rPh sb="18" eb="20">
      <t>ニュウイン</t>
    </rPh>
    <rPh sb="21" eb="22">
      <t>ノゾ</t>
    </rPh>
    <rPh sb="26" eb="29">
      <t>ショウガッコウ</t>
    </rPh>
    <rPh sb="30" eb="31">
      <t>ネン</t>
    </rPh>
    <rPh sb="31" eb="32">
      <t>セイ</t>
    </rPh>
    <rPh sb="35" eb="38">
      <t>ニュウツウイン</t>
    </rPh>
    <rPh sb="39" eb="41">
      <t>チュウガク</t>
    </rPh>
    <rPh sb="41" eb="43">
      <t>ソツギョウ</t>
    </rPh>
    <rPh sb="46" eb="48">
      <t>ニュウイン</t>
    </rPh>
    <rPh sb="49" eb="51">
      <t>ショウカン</t>
    </rPh>
    <rPh sb="51" eb="52">
      <t>バラ</t>
    </rPh>
    <rPh sb="53" eb="55">
      <t>ショトク</t>
    </rPh>
    <rPh sb="55" eb="57">
      <t>セイゲン</t>
    </rPh>
    <rPh sb="61" eb="64">
      <t>ホゴシャ</t>
    </rPh>
    <rPh sb="65" eb="68">
      <t>ジュウミンゼイ</t>
    </rPh>
    <rPh sb="68" eb="70">
      <t>カゼイ</t>
    </rPh>
    <rPh sb="73" eb="74">
      <t>サイ</t>
    </rPh>
    <rPh sb="77" eb="78">
      <t>サイ</t>
    </rPh>
    <rPh sb="84" eb="86">
      <t>ツウイン</t>
    </rPh>
    <rPh sb="87" eb="88">
      <t>カイ</t>
    </rPh>
    <rPh sb="91" eb="92">
      <t>エン</t>
    </rPh>
    <rPh sb="95" eb="97">
      <t>フタン</t>
    </rPh>
    <phoneticPr fontId="4"/>
  </si>
  <si>
    <t xml:space="preserve"> 横須賀市</t>
  </si>
  <si>
    <t>0割(3)</t>
    <phoneticPr fontId="4"/>
  </si>
  <si>
    <t>(1)身体障害１・２級、IＱ35以下、身体障害３級かつIQ50以下（入院時食事療養費除く）、精神障害１級（入院除く）　（2）入院時食事療養費を除く (3)小学校６年生までの入通院（入院時食事療養費を除く・所得制限あり）、中学校卒業までの入院（入院時食事療養費を除く・所得制限あり・償還払い）</t>
    <rPh sb="34" eb="36">
      <t>ニュウイン</t>
    </rPh>
    <rPh sb="36" eb="37">
      <t>ジ</t>
    </rPh>
    <rPh sb="37" eb="39">
      <t>ショクジ</t>
    </rPh>
    <rPh sb="39" eb="42">
      <t>リョウヨウヒ</t>
    </rPh>
    <rPh sb="42" eb="43">
      <t>ノゾ</t>
    </rPh>
    <rPh sb="53" eb="55">
      <t>ニュウイン</t>
    </rPh>
    <rPh sb="55" eb="56">
      <t>ノゾ</t>
    </rPh>
    <rPh sb="62" eb="64">
      <t>ニュウイン</t>
    </rPh>
    <rPh sb="64" eb="65">
      <t>ジ</t>
    </rPh>
    <rPh sb="65" eb="67">
      <t>ショクジ</t>
    </rPh>
    <rPh sb="67" eb="70">
      <t>リョウヨウヒ</t>
    </rPh>
    <rPh sb="71" eb="72">
      <t>ノゾ</t>
    </rPh>
    <rPh sb="77" eb="80">
      <t>ショウガッコウ</t>
    </rPh>
    <rPh sb="81" eb="83">
      <t>ネンセイ</t>
    </rPh>
    <rPh sb="86" eb="89">
      <t>ニュウツウイン</t>
    </rPh>
    <rPh sb="90" eb="92">
      <t>ニュウイン</t>
    </rPh>
    <rPh sb="92" eb="93">
      <t>ジ</t>
    </rPh>
    <rPh sb="93" eb="95">
      <t>ショクジ</t>
    </rPh>
    <rPh sb="95" eb="98">
      <t>リョウヨウヒ</t>
    </rPh>
    <rPh sb="99" eb="100">
      <t>ノゾ</t>
    </rPh>
    <rPh sb="102" eb="104">
      <t>ショトク</t>
    </rPh>
    <rPh sb="104" eb="106">
      <t>セイゲン</t>
    </rPh>
    <rPh sb="118" eb="120">
      <t>ニュウイン</t>
    </rPh>
    <rPh sb="121" eb="123">
      <t>ニュウイン</t>
    </rPh>
    <rPh sb="123" eb="124">
      <t>ジ</t>
    </rPh>
    <rPh sb="124" eb="126">
      <t>ショクジ</t>
    </rPh>
    <rPh sb="126" eb="129">
      <t>リョウヨウヒ</t>
    </rPh>
    <rPh sb="130" eb="131">
      <t>ノゾ</t>
    </rPh>
    <rPh sb="140" eb="142">
      <t>ショウカン</t>
    </rPh>
    <rPh sb="142" eb="143">
      <t>バラ</t>
    </rPh>
    <phoneticPr fontId="4"/>
  </si>
  <si>
    <t xml:space="preserve"> 平塚市</t>
  </si>
  <si>
    <t>(1)0歳～中学生までの入通院（小学校就学以降所得制限あり）</t>
    <rPh sb="4" eb="5">
      <t>サイ</t>
    </rPh>
    <rPh sb="6" eb="9">
      <t>チュウガクセイ</t>
    </rPh>
    <rPh sb="12" eb="15">
      <t>ニュウツウイン</t>
    </rPh>
    <rPh sb="16" eb="19">
      <t>ショウガッコウ</t>
    </rPh>
    <rPh sb="19" eb="21">
      <t>シュウガク</t>
    </rPh>
    <rPh sb="21" eb="23">
      <t>イコウ</t>
    </rPh>
    <phoneticPr fontId="4"/>
  </si>
  <si>
    <t xml:space="preserve"> 鎌倉市</t>
  </si>
  <si>
    <t>(1)身障手帳１、２級、３・４級の一部及び療育Ａ１、Ａ２、Ｂ１、精神１、２級及び障害基礎年金１・２級（所得制限あり）　(2)小学校６年までの入通院、中学卒業までの入院（小１から所得制限あり）</t>
    <rPh sb="3" eb="5">
      <t>シンショウ</t>
    </rPh>
    <rPh sb="5" eb="7">
      <t>テチョウ</t>
    </rPh>
    <rPh sb="10" eb="11">
      <t>キュウ</t>
    </rPh>
    <rPh sb="17" eb="19">
      <t>イチブ</t>
    </rPh>
    <rPh sb="19" eb="20">
      <t>オヨ</t>
    </rPh>
    <rPh sb="21" eb="23">
      <t>リョウイク</t>
    </rPh>
    <rPh sb="32" eb="34">
      <t>セイシン</t>
    </rPh>
    <rPh sb="37" eb="38">
      <t>キュウ</t>
    </rPh>
    <rPh sb="38" eb="39">
      <t>オヨ</t>
    </rPh>
    <rPh sb="40" eb="42">
      <t>ショウガイ</t>
    </rPh>
    <rPh sb="42" eb="44">
      <t>キソ</t>
    </rPh>
    <rPh sb="44" eb="46">
      <t>ネンキン</t>
    </rPh>
    <rPh sb="49" eb="50">
      <t>キュウ</t>
    </rPh>
    <rPh sb="51" eb="53">
      <t>ショトク</t>
    </rPh>
    <rPh sb="53" eb="55">
      <t>セイゲン</t>
    </rPh>
    <rPh sb="62" eb="65">
      <t>ショウガッコウ</t>
    </rPh>
    <rPh sb="66" eb="67">
      <t>ネン</t>
    </rPh>
    <rPh sb="70" eb="71">
      <t>ニュウ</t>
    </rPh>
    <rPh sb="71" eb="73">
      <t>ツウイン</t>
    </rPh>
    <rPh sb="74" eb="76">
      <t>チュウガク</t>
    </rPh>
    <rPh sb="76" eb="78">
      <t>ソツギョウ</t>
    </rPh>
    <rPh sb="81" eb="83">
      <t>ニュウイン</t>
    </rPh>
    <rPh sb="88" eb="90">
      <t>ショトク</t>
    </rPh>
    <rPh sb="90" eb="92">
      <t>セイゲン</t>
    </rPh>
    <phoneticPr fontId="4"/>
  </si>
  <si>
    <t xml:space="preserve"> 藤沢市</t>
  </si>
  <si>
    <t>(1)１～３級の身体障がい者、IQ50以下及び精神障がい１・２級の者。高確法施行令別表に定める者。65歳以上で３ヶ月以上寝たきりの方。 (2)小学校修了前までの入通院（所得制限なし）、中学生の医科入院（所得制限あり・償還払）</t>
    <rPh sb="60" eb="61">
      <t>ネ</t>
    </rPh>
    <rPh sb="96" eb="98">
      <t>イカ</t>
    </rPh>
    <rPh sb="108" eb="110">
      <t>ショウカン</t>
    </rPh>
    <rPh sb="110" eb="111">
      <t>バラ</t>
    </rPh>
    <phoneticPr fontId="4"/>
  </si>
  <si>
    <t xml:space="preserve"> 小田原市</t>
  </si>
  <si>
    <t xml:space="preserve"> ---</t>
    <phoneticPr fontId="4"/>
  </si>
  <si>
    <t>(1)身障手帳１・２級及び療育手帳Ａ（ＩＱ35以下）、身障手帳３級かつＩＱ50以下、精神障害保健福祉手帳１級の通院　(2)小学６年修了までの入通院（所得制限一部あり）。中学修了までの入通院（所得制限あり）</t>
    <rPh sb="3" eb="5">
      <t>シンショウ</t>
    </rPh>
    <rPh sb="5" eb="7">
      <t>テチョウ</t>
    </rPh>
    <rPh sb="10" eb="11">
      <t>キュウ</t>
    </rPh>
    <rPh sb="11" eb="12">
      <t>オヨ</t>
    </rPh>
    <rPh sb="13" eb="15">
      <t>リョウイク</t>
    </rPh>
    <rPh sb="15" eb="17">
      <t>テチョウ</t>
    </rPh>
    <rPh sb="23" eb="25">
      <t>イカ</t>
    </rPh>
    <rPh sb="27" eb="29">
      <t>シンショウ</t>
    </rPh>
    <rPh sb="29" eb="31">
      <t>テチョウ</t>
    </rPh>
    <rPh sb="32" eb="33">
      <t>キュウ</t>
    </rPh>
    <rPh sb="39" eb="41">
      <t>イカ</t>
    </rPh>
    <rPh sb="42" eb="44">
      <t>セイシン</t>
    </rPh>
    <rPh sb="44" eb="46">
      <t>ショウガイ</t>
    </rPh>
    <rPh sb="46" eb="48">
      <t>ホケン</t>
    </rPh>
    <rPh sb="48" eb="50">
      <t>フクシ</t>
    </rPh>
    <rPh sb="50" eb="52">
      <t>テチョウ</t>
    </rPh>
    <rPh sb="53" eb="54">
      <t>キュウ</t>
    </rPh>
    <rPh sb="55" eb="57">
      <t>ツウイン</t>
    </rPh>
    <rPh sb="61" eb="63">
      <t>ショウガク</t>
    </rPh>
    <rPh sb="64" eb="65">
      <t>ネン</t>
    </rPh>
    <rPh sb="65" eb="67">
      <t>シュウリョウ</t>
    </rPh>
    <rPh sb="70" eb="73">
      <t>ニュウツウイン</t>
    </rPh>
    <rPh sb="74" eb="76">
      <t>ショトク</t>
    </rPh>
    <rPh sb="76" eb="78">
      <t>セイゲン</t>
    </rPh>
    <rPh sb="78" eb="80">
      <t>イチブ</t>
    </rPh>
    <rPh sb="84" eb="86">
      <t>チュウガク</t>
    </rPh>
    <rPh sb="86" eb="88">
      <t>シュウリョウ</t>
    </rPh>
    <rPh sb="95" eb="97">
      <t>ショトク</t>
    </rPh>
    <rPh sb="97" eb="99">
      <t>セイゲン</t>
    </rPh>
    <phoneticPr fontId="4"/>
  </si>
  <si>
    <t xml:space="preserve"> 茅ヶ崎市</t>
  </si>
  <si>
    <t>(1)満18歳になった日以降の最初の3月31日まで、障害または在学の場合は20歳未満（所得制限あり）（2）小学校3年生まで（所得制限あり）</t>
    <rPh sb="3" eb="4">
      <t>マン</t>
    </rPh>
    <rPh sb="6" eb="7">
      <t>サイ</t>
    </rPh>
    <rPh sb="11" eb="12">
      <t>ヒ</t>
    </rPh>
    <rPh sb="12" eb="14">
      <t>イコウ</t>
    </rPh>
    <rPh sb="15" eb="17">
      <t>サイショ</t>
    </rPh>
    <rPh sb="19" eb="20">
      <t>ガツ</t>
    </rPh>
    <rPh sb="22" eb="23">
      <t>ニチ</t>
    </rPh>
    <rPh sb="26" eb="28">
      <t>ショウガイ</t>
    </rPh>
    <rPh sb="31" eb="33">
      <t>ザイガク</t>
    </rPh>
    <rPh sb="34" eb="36">
      <t>バアイ</t>
    </rPh>
    <rPh sb="39" eb="42">
      <t>サイミマン</t>
    </rPh>
    <rPh sb="53" eb="56">
      <t>ショウガッコウ</t>
    </rPh>
    <rPh sb="57" eb="59">
      <t>ネンセイ</t>
    </rPh>
    <rPh sb="62" eb="64">
      <t>ショトク</t>
    </rPh>
    <rPh sb="64" eb="66">
      <t>セイゲン</t>
    </rPh>
    <phoneticPr fontId="4"/>
  </si>
  <si>
    <t xml:space="preserve"> 逗子市</t>
  </si>
  <si>
    <t>(1)小学校６年生までの入通院・中学生の入院（１歳以上所得制限あり）</t>
    <rPh sb="3" eb="6">
      <t>ショウガッコウ</t>
    </rPh>
    <rPh sb="7" eb="9">
      <t>ネンセイ</t>
    </rPh>
    <rPh sb="12" eb="13">
      <t>ニュウ</t>
    </rPh>
    <rPh sb="13" eb="15">
      <t>ツウイン</t>
    </rPh>
    <rPh sb="16" eb="19">
      <t>チュウガクセイ</t>
    </rPh>
    <rPh sb="20" eb="22">
      <t>ニュウイン</t>
    </rPh>
    <phoneticPr fontId="4"/>
  </si>
  <si>
    <t xml:space="preserve"> 相模原市</t>
  </si>
  <si>
    <t xml:space="preserve">(1)身障１・２級、ＩＱ35以下、身障3級かつＩＱ50以下、精神１・２級　(2)小学校６年生までの入通院（１歳以上所得制限あり） </t>
    <rPh sb="3" eb="5">
      <t>シンショウ</t>
    </rPh>
    <rPh sb="8" eb="9">
      <t>キュウ</t>
    </rPh>
    <rPh sb="14" eb="16">
      <t>イカ</t>
    </rPh>
    <rPh sb="17" eb="19">
      <t>シンショウ</t>
    </rPh>
    <rPh sb="20" eb="21">
      <t>キュウ</t>
    </rPh>
    <rPh sb="27" eb="29">
      <t>イカ</t>
    </rPh>
    <rPh sb="30" eb="32">
      <t>セイシン</t>
    </rPh>
    <rPh sb="35" eb="36">
      <t>キュウ</t>
    </rPh>
    <rPh sb="40" eb="43">
      <t>ショウガッコウ</t>
    </rPh>
    <rPh sb="44" eb="46">
      <t>ネンセイ</t>
    </rPh>
    <rPh sb="49" eb="50">
      <t>ニュウ</t>
    </rPh>
    <rPh sb="50" eb="52">
      <t>ツウイン</t>
    </rPh>
    <rPh sb="54" eb="55">
      <t>サイ</t>
    </rPh>
    <rPh sb="55" eb="57">
      <t>イジョウ</t>
    </rPh>
    <phoneticPr fontId="4"/>
  </si>
  <si>
    <t xml:space="preserve"> 三浦市</t>
  </si>
  <si>
    <t>(1)身障１、２級、IQ35以下、身障３級かつIQ50以下、精神1級通院（65歳以上新規は対象外）　(2)中学１年生までの入通院、中学卒業までの入院（償還払）</t>
    <rPh sb="3" eb="4">
      <t>ミ</t>
    </rPh>
    <rPh sb="8" eb="9">
      <t>キュウ</t>
    </rPh>
    <rPh sb="14" eb="16">
      <t>イカ</t>
    </rPh>
    <rPh sb="17" eb="19">
      <t>シンショウ</t>
    </rPh>
    <rPh sb="20" eb="21">
      <t>キュウ</t>
    </rPh>
    <rPh sb="27" eb="29">
      <t>イカ</t>
    </rPh>
    <rPh sb="30" eb="32">
      <t>セイシン</t>
    </rPh>
    <rPh sb="33" eb="34">
      <t>キュウ</t>
    </rPh>
    <rPh sb="34" eb="36">
      <t>ツウイン</t>
    </rPh>
    <rPh sb="39" eb="42">
      <t>サイイジョウ</t>
    </rPh>
    <rPh sb="42" eb="44">
      <t>シンキ</t>
    </rPh>
    <rPh sb="45" eb="48">
      <t>タイショウガイ</t>
    </rPh>
    <rPh sb="53" eb="55">
      <t>チュウガク</t>
    </rPh>
    <rPh sb="56" eb="58">
      <t>ネンセイ</t>
    </rPh>
    <rPh sb="61" eb="62">
      <t>ニュウ</t>
    </rPh>
    <rPh sb="62" eb="64">
      <t>ツウイン</t>
    </rPh>
    <rPh sb="65" eb="67">
      <t>チュウガク</t>
    </rPh>
    <rPh sb="67" eb="69">
      <t>ソツギョウ</t>
    </rPh>
    <rPh sb="72" eb="74">
      <t>ニュウイン</t>
    </rPh>
    <rPh sb="75" eb="77">
      <t>ショウカン</t>
    </rPh>
    <rPh sb="77" eb="78">
      <t>バラ</t>
    </rPh>
    <phoneticPr fontId="4"/>
  </si>
  <si>
    <t xml:space="preserve"> 秦野市</t>
  </si>
  <si>
    <t>(1)１・２級の障害者（所得制限あり）自立支援医療は９割（医科通院指定）　(2)小学校６年生までの入通院　（小学生以上所得制限あり）</t>
    <rPh sb="6" eb="7">
      <t>キュウ</t>
    </rPh>
    <rPh sb="8" eb="11">
      <t>ショウガイシャ</t>
    </rPh>
    <rPh sb="12" eb="14">
      <t>ショトク</t>
    </rPh>
    <rPh sb="14" eb="16">
      <t>セイゲン</t>
    </rPh>
    <rPh sb="19" eb="21">
      <t>ジリツ</t>
    </rPh>
    <rPh sb="21" eb="23">
      <t>シエン</t>
    </rPh>
    <rPh sb="23" eb="25">
      <t>イリョウ</t>
    </rPh>
    <rPh sb="27" eb="28">
      <t>ワリ</t>
    </rPh>
    <rPh sb="29" eb="31">
      <t>イカ</t>
    </rPh>
    <rPh sb="31" eb="33">
      <t>ツウイン</t>
    </rPh>
    <rPh sb="33" eb="35">
      <t>シテイ</t>
    </rPh>
    <rPh sb="40" eb="43">
      <t>ショウガッコウ</t>
    </rPh>
    <rPh sb="44" eb="46">
      <t>ネンセイ</t>
    </rPh>
    <rPh sb="49" eb="50">
      <t>・</t>
    </rPh>
    <rPh sb="51" eb="52">
      <t>、</t>
    </rPh>
    <rPh sb="54" eb="57">
      <t>ショウガクセイ</t>
    </rPh>
    <rPh sb="57" eb="59">
      <t>イジョウ</t>
    </rPh>
    <rPh sb="59" eb="61">
      <t>ショトク</t>
    </rPh>
    <rPh sb="61" eb="63">
      <t>セイゲン</t>
    </rPh>
    <phoneticPr fontId="4"/>
  </si>
  <si>
    <t xml:space="preserve"> 厚木市</t>
  </si>
  <si>
    <t>(1)身障手帳１～３級、IQ50以下、及び精神障害者保健福祉手帳１級(ただし65歳以上で新たに障害者に認定されたものを除く)　(2)0歳から中学生までの入通院</t>
    <rPh sb="3" eb="5">
      <t>シンショウ</t>
    </rPh>
    <rPh sb="5" eb="7">
      <t>テチョウ</t>
    </rPh>
    <rPh sb="10" eb="11">
      <t>キュウ</t>
    </rPh>
    <rPh sb="16" eb="18">
      <t>イカ</t>
    </rPh>
    <rPh sb="19" eb="20">
      <t>オヨ</t>
    </rPh>
    <rPh sb="21" eb="23">
      <t>セイシン</t>
    </rPh>
    <rPh sb="23" eb="25">
      <t>ショウガイ</t>
    </rPh>
    <rPh sb="25" eb="26">
      <t>シャ</t>
    </rPh>
    <rPh sb="26" eb="28">
      <t>ホケン</t>
    </rPh>
    <rPh sb="28" eb="30">
      <t>フクシ</t>
    </rPh>
    <rPh sb="30" eb="32">
      <t>テチョウ</t>
    </rPh>
    <rPh sb="33" eb="34">
      <t>キュウ</t>
    </rPh>
    <rPh sb="40" eb="43">
      <t>サイイジョウ</t>
    </rPh>
    <rPh sb="44" eb="45">
      <t>アラ</t>
    </rPh>
    <rPh sb="47" eb="50">
      <t>ショウガイシャ</t>
    </rPh>
    <rPh sb="51" eb="53">
      <t>ニンテイ</t>
    </rPh>
    <rPh sb="59" eb="60">
      <t>ノゾ</t>
    </rPh>
    <rPh sb="67" eb="68">
      <t>サイ</t>
    </rPh>
    <rPh sb="70" eb="73">
      <t>チュウガクセイ</t>
    </rPh>
    <rPh sb="76" eb="77">
      <t>イリ</t>
    </rPh>
    <rPh sb="77" eb="79">
      <t>ツウイン</t>
    </rPh>
    <phoneticPr fontId="4"/>
  </si>
  <si>
    <t xml:space="preserve"> 大和市</t>
  </si>
  <si>
    <t>(1)0歳～中学生までの入通院（１歳以上所得制限あり）　　　</t>
    <rPh sb="4" eb="5">
      <t>サイ</t>
    </rPh>
    <rPh sb="6" eb="9">
      <t>チュウガクセイ</t>
    </rPh>
    <rPh sb="12" eb="13">
      <t>ニュウ</t>
    </rPh>
    <rPh sb="13" eb="15">
      <t>ツウイン</t>
    </rPh>
    <rPh sb="17" eb="20">
      <t>サイイジョウ</t>
    </rPh>
    <rPh sb="20" eb="22">
      <t>ショトク</t>
    </rPh>
    <rPh sb="22" eb="24">
      <t>セイゲン</t>
    </rPh>
    <phoneticPr fontId="4"/>
  </si>
  <si>
    <t xml:space="preserve"> 伊勢原市</t>
  </si>
  <si>
    <t>(1)身障１・２級、ＩＱ35以下、身障３級かつＩＱ50以下、精神障害1級（県外受診は償還払い）（2）父又は母と18歳になった最初の3月31日までの児童等（3）小学校６年までの入通院、中学校修了までの入院</t>
    <rPh sb="3" eb="5">
      <t>シンショウ</t>
    </rPh>
    <rPh sb="8" eb="9">
      <t>キュウ</t>
    </rPh>
    <rPh sb="14" eb="16">
      <t>イカ</t>
    </rPh>
    <rPh sb="17" eb="19">
      <t>シンショウ</t>
    </rPh>
    <rPh sb="20" eb="21">
      <t>キュウ</t>
    </rPh>
    <rPh sb="27" eb="29">
      <t>イカ</t>
    </rPh>
    <rPh sb="30" eb="32">
      <t>セイシン</t>
    </rPh>
    <rPh sb="32" eb="34">
      <t>ショウガイ</t>
    </rPh>
    <rPh sb="35" eb="36">
      <t>キュウ</t>
    </rPh>
    <rPh sb="37" eb="39">
      <t>ケンガイ</t>
    </rPh>
    <rPh sb="39" eb="41">
      <t>ジュシン</t>
    </rPh>
    <rPh sb="42" eb="44">
      <t>ショウカン</t>
    </rPh>
    <rPh sb="44" eb="45">
      <t>バラ</t>
    </rPh>
    <rPh sb="50" eb="51">
      <t>チチ</t>
    </rPh>
    <rPh sb="51" eb="52">
      <t>マタ</t>
    </rPh>
    <rPh sb="53" eb="54">
      <t>ハハ</t>
    </rPh>
    <rPh sb="57" eb="58">
      <t>サイ</t>
    </rPh>
    <rPh sb="62" eb="64">
      <t>サイショ</t>
    </rPh>
    <rPh sb="66" eb="67">
      <t>ガツ</t>
    </rPh>
    <rPh sb="69" eb="70">
      <t>ニチ</t>
    </rPh>
    <rPh sb="73" eb="75">
      <t>ジドウ</t>
    </rPh>
    <rPh sb="75" eb="76">
      <t>トウ</t>
    </rPh>
    <rPh sb="79" eb="82">
      <t>ショウガッコウ</t>
    </rPh>
    <rPh sb="87" eb="88">
      <t>ニュウ</t>
    </rPh>
    <rPh sb="88" eb="90">
      <t>ツウイン</t>
    </rPh>
    <rPh sb="99" eb="101">
      <t>ニュウイン</t>
    </rPh>
    <phoneticPr fontId="4"/>
  </si>
  <si>
    <t xml:space="preserve"> 海老名市</t>
  </si>
  <si>
    <t>（1）入院時食事療養費は除く(2)中学校修了までの入通院（入院時食事療養費を除く）</t>
    <rPh sb="3" eb="5">
      <t>ニュウイン</t>
    </rPh>
    <rPh sb="5" eb="6">
      <t>ジ</t>
    </rPh>
    <rPh sb="6" eb="8">
      <t>ショクジ</t>
    </rPh>
    <rPh sb="8" eb="11">
      <t>リョウヨウヒ</t>
    </rPh>
    <rPh sb="12" eb="13">
      <t>ノゾ</t>
    </rPh>
    <rPh sb="17" eb="20">
      <t>チュウガッコウ</t>
    </rPh>
    <rPh sb="20" eb="22">
      <t>シュウリョウ</t>
    </rPh>
    <rPh sb="25" eb="26">
      <t>ニュウ</t>
    </rPh>
    <rPh sb="26" eb="28">
      <t>ツウイン</t>
    </rPh>
    <rPh sb="29" eb="31">
      <t>ニュウイン</t>
    </rPh>
    <rPh sb="31" eb="32">
      <t>ジ</t>
    </rPh>
    <rPh sb="32" eb="34">
      <t>ショクジ</t>
    </rPh>
    <rPh sb="34" eb="37">
      <t>リョウヨウヒ</t>
    </rPh>
    <rPh sb="38" eb="39">
      <t>ノゾ</t>
    </rPh>
    <phoneticPr fontId="4"/>
  </si>
  <si>
    <t xml:space="preserve"> 座間市</t>
  </si>
  <si>
    <t>(1)身体障害１・２級、知的障害Ａ１、Ａ２、精神障害１級、身体障害者３級と知的障害者Ｂ１は一部負担金1割有　(2)小学校６年生までの入通院、中学卒業までの医科入院（１歳以上は所得制限あり）</t>
    <rPh sb="3" eb="5">
      <t>シンタイ</t>
    </rPh>
    <rPh sb="5" eb="7">
      <t>ショウガイ</t>
    </rPh>
    <rPh sb="10" eb="11">
      <t>キュウ</t>
    </rPh>
    <rPh sb="12" eb="14">
      <t>チテキ</t>
    </rPh>
    <rPh sb="14" eb="16">
      <t>ショウガイ</t>
    </rPh>
    <rPh sb="22" eb="24">
      <t>セイシン</t>
    </rPh>
    <rPh sb="24" eb="26">
      <t>ショウガイ</t>
    </rPh>
    <rPh sb="27" eb="28">
      <t>キュウ</t>
    </rPh>
    <rPh sb="29" eb="31">
      <t>シンタイ</t>
    </rPh>
    <rPh sb="31" eb="34">
      <t>ショウガイシャ</t>
    </rPh>
    <rPh sb="35" eb="36">
      <t>キュウ</t>
    </rPh>
    <rPh sb="37" eb="39">
      <t>チテキ</t>
    </rPh>
    <rPh sb="39" eb="42">
      <t>ショウガイシャ</t>
    </rPh>
    <rPh sb="45" eb="47">
      <t>イチブ</t>
    </rPh>
    <rPh sb="47" eb="49">
      <t>フタン</t>
    </rPh>
    <rPh sb="49" eb="50">
      <t>キン</t>
    </rPh>
    <rPh sb="51" eb="52">
      <t>ワリ</t>
    </rPh>
    <rPh sb="52" eb="53">
      <t>アリ</t>
    </rPh>
    <rPh sb="57" eb="60">
      <t>ショウガッコウ</t>
    </rPh>
    <rPh sb="61" eb="63">
      <t>ネンセイ</t>
    </rPh>
    <rPh sb="70" eb="72">
      <t>チュウガク</t>
    </rPh>
    <rPh sb="72" eb="74">
      <t>ソツギョウ</t>
    </rPh>
    <rPh sb="77" eb="79">
      <t>イカ</t>
    </rPh>
    <rPh sb="79" eb="81">
      <t>ニュウイン</t>
    </rPh>
    <phoneticPr fontId="4"/>
  </si>
  <si>
    <t xml:space="preserve"> 南足柄市</t>
  </si>
  <si>
    <t>(1)身障１・２級、の全部または身障３級かつＩＱ50以下、療育手帳Ａ１、Ａ２、精神保健福祉手帳１級（通院のみ）　（2）小学４年までの入通院、中学卒業までの医科入院（１歳以上は所得制限あり）</t>
    <rPh sb="3" eb="5">
      <t>シンショウ</t>
    </rPh>
    <rPh sb="8" eb="9">
      <t>キュウ</t>
    </rPh>
    <rPh sb="11" eb="13">
      <t>ゼンブ</t>
    </rPh>
    <rPh sb="16" eb="18">
      <t>シンショウ</t>
    </rPh>
    <rPh sb="19" eb="20">
      <t>キュウ</t>
    </rPh>
    <rPh sb="26" eb="28">
      <t>イカ</t>
    </rPh>
    <rPh sb="29" eb="31">
      <t>リョウイク</t>
    </rPh>
    <rPh sb="31" eb="33">
      <t>テチョウ</t>
    </rPh>
    <rPh sb="39" eb="41">
      <t>セイシン</t>
    </rPh>
    <rPh sb="41" eb="43">
      <t>ホケン</t>
    </rPh>
    <rPh sb="43" eb="45">
      <t>フクシ</t>
    </rPh>
    <rPh sb="45" eb="47">
      <t>テチョウ</t>
    </rPh>
    <rPh sb="48" eb="49">
      <t>キュウ</t>
    </rPh>
    <rPh sb="50" eb="52">
      <t>ツウイン</t>
    </rPh>
    <rPh sb="59" eb="61">
      <t>ショウガク</t>
    </rPh>
    <rPh sb="62" eb="63">
      <t>ネン</t>
    </rPh>
    <rPh sb="66" eb="67">
      <t>ニュウ</t>
    </rPh>
    <rPh sb="67" eb="69">
      <t>ツウイン</t>
    </rPh>
    <rPh sb="70" eb="72">
      <t>チュウガク</t>
    </rPh>
    <rPh sb="72" eb="74">
      <t>ソツギョウ</t>
    </rPh>
    <rPh sb="77" eb="79">
      <t>イカ</t>
    </rPh>
    <rPh sb="79" eb="81">
      <t>ニュウイン</t>
    </rPh>
    <phoneticPr fontId="4"/>
  </si>
  <si>
    <t xml:space="preserve"> 綾瀬市</t>
  </si>
  <si>
    <t>(1)身体障害１，２級又は知的障害Ａ１，Ａ２、精神障害１級　(2)小学校６年生修了までの入通院、中学校修了までの入院（償還払）　</t>
    <rPh sb="3" eb="5">
      <t>シンタイ</t>
    </rPh>
    <rPh sb="5" eb="7">
      <t>ショウガイ</t>
    </rPh>
    <rPh sb="10" eb="11">
      <t>キュウ</t>
    </rPh>
    <rPh sb="11" eb="12">
      <t>マタ</t>
    </rPh>
    <rPh sb="13" eb="15">
      <t>チテキ</t>
    </rPh>
    <rPh sb="15" eb="17">
      <t>ショウガイ</t>
    </rPh>
    <rPh sb="23" eb="25">
      <t>セイシン</t>
    </rPh>
    <rPh sb="25" eb="27">
      <t>ショウガイ</t>
    </rPh>
    <rPh sb="28" eb="29">
      <t>キュウ</t>
    </rPh>
    <rPh sb="33" eb="36">
      <t>ショウガッコウ</t>
    </rPh>
    <rPh sb="37" eb="38">
      <t>ネン</t>
    </rPh>
    <rPh sb="38" eb="39">
      <t>セイ</t>
    </rPh>
    <rPh sb="39" eb="41">
      <t>シュウリョウ</t>
    </rPh>
    <rPh sb="44" eb="45">
      <t>イ</t>
    </rPh>
    <rPh sb="48" eb="51">
      <t>チュウガッコウ</t>
    </rPh>
    <rPh sb="51" eb="53">
      <t>シュウリョウ</t>
    </rPh>
    <rPh sb="56" eb="58">
      <t>ニュウイン</t>
    </rPh>
    <rPh sb="59" eb="61">
      <t>ショウカン</t>
    </rPh>
    <rPh sb="61" eb="62">
      <t>バラ</t>
    </rPh>
    <phoneticPr fontId="4"/>
  </si>
  <si>
    <t xml:space="preserve"> 葉山町</t>
  </si>
  <si>
    <t xml:space="preserve">0割 </t>
    <phoneticPr fontId="4"/>
  </si>
  <si>
    <t>(1)小学校卒業までの入通院・中学生入院のみ（中学生以上所得制限あり）</t>
    <rPh sb="3" eb="6">
      <t>ショウガッコウ</t>
    </rPh>
    <rPh sb="6" eb="8">
      <t>ソツギョウ</t>
    </rPh>
    <rPh sb="11" eb="12">
      <t>ニュウ</t>
    </rPh>
    <rPh sb="12" eb="14">
      <t>ツウイン</t>
    </rPh>
    <rPh sb="15" eb="18">
      <t>チュウガクセイ</t>
    </rPh>
    <rPh sb="18" eb="20">
      <t>ニュウイン</t>
    </rPh>
    <rPh sb="23" eb="26">
      <t>チュウガクセイ</t>
    </rPh>
    <rPh sb="26" eb="28">
      <t>イジョウ</t>
    </rPh>
    <rPh sb="28" eb="30">
      <t>ショトク</t>
    </rPh>
    <rPh sb="30" eb="32">
      <t>セイゲン</t>
    </rPh>
    <phoneticPr fontId="4"/>
  </si>
  <si>
    <t xml:space="preserve"> 寒川町</t>
  </si>
  <si>
    <t>(1)身障手帳１級・２級及び内部機能障害の３級、知的障害の方のうちIQ50以下、療育手帳A1・A2・B1の方、精神障害手帳１級の方　(2)中学校３年までの入通院（１歳以上所得制限あり）　</t>
    <rPh sb="3" eb="5">
      <t>シンショウ</t>
    </rPh>
    <rPh sb="4" eb="5">
      <t>ショウ</t>
    </rPh>
    <rPh sb="5" eb="7">
      <t>テチョウ</t>
    </rPh>
    <rPh sb="8" eb="9">
      <t>キュウ</t>
    </rPh>
    <rPh sb="11" eb="12">
      <t>キュウ</t>
    </rPh>
    <rPh sb="12" eb="13">
      <t>オヨ</t>
    </rPh>
    <rPh sb="14" eb="16">
      <t>ナイブ</t>
    </rPh>
    <rPh sb="16" eb="18">
      <t>キノウ</t>
    </rPh>
    <rPh sb="18" eb="20">
      <t>ショウガイ</t>
    </rPh>
    <rPh sb="22" eb="23">
      <t>キュウ</t>
    </rPh>
    <rPh sb="24" eb="26">
      <t>チテキ</t>
    </rPh>
    <rPh sb="26" eb="28">
      <t>ショウガイ</t>
    </rPh>
    <rPh sb="29" eb="30">
      <t>カタ</t>
    </rPh>
    <rPh sb="37" eb="39">
      <t>イカ</t>
    </rPh>
    <rPh sb="40" eb="42">
      <t>リョウイク</t>
    </rPh>
    <rPh sb="42" eb="44">
      <t>テチョウ</t>
    </rPh>
    <rPh sb="53" eb="54">
      <t>カタ</t>
    </rPh>
    <rPh sb="55" eb="57">
      <t>セイシン</t>
    </rPh>
    <rPh sb="57" eb="59">
      <t>ショウガイ</t>
    </rPh>
    <rPh sb="59" eb="61">
      <t>テチョウ</t>
    </rPh>
    <rPh sb="62" eb="63">
      <t>キュウ</t>
    </rPh>
    <rPh sb="64" eb="65">
      <t>カタ</t>
    </rPh>
    <rPh sb="69" eb="72">
      <t>チュウガッコウ</t>
    </rPh>
    <rPh sb="83" eb="85">
      <t>イジョウ</t>
    </rPh>
    <phoneticPr fontId="4"/>
  </si>
  <si>
    <t xml:space="preserve"> 大磯町</t>
  </si>
  <si>
    <t>(1)精神保健福祉手帳３級で自立支援医療の医科外来は1割のうちの3割を償還払（2）小学校卒業までの入通院、中学校卒業までの医科入院（１歳～所得制限あり）</t>
    <rPh sb="3" eb="5">
      <t>セイシン</t>
    </rPh>
    <rPh sb="5" eb="7">
      <t>ホケン</t>
    </rPh>
    <rPh sb="7" eb="9">
      <t>フクシ</t>
    </rPh>
    <rPh sb="9" eb="11">
      <t>テチョウ</t>
    </rPh>
    <rPh sb="12" eb="13">
      <t>キュウ</t>
    </rPh>
    <rPh sb="14" eb="16">
      <t>ジリツ</t>
    </rPh>
    <rPh sb="16" eb="18">
      <t>シエン</t>
    </rPh>
    <rPh sb="18" eb="20">
      <t>イリョウ</t>
    </rPh>
    <rPh sb="21" eb="23">
      <t>イカ</t>
    </rPh>
    <rPh sb="23" eb="25">
      <t>ガイライ</t>
    </rPh>
    <rPh sb="27" eb="28">
      <t>ワリ</t>
    </rPh>
    <rPh sb="33" eb="34">
      <t>ワリ</t>
    </rPh>
    <rPh sb="35" eb="37">
      <t>ショウカン</t>
    </rPh>
    <rPh sb="37" eb="38">
      <t>バラ</t>
    </rPh>
    <rPh sb="41" eb="44">
      <t>ショウガッコウ</t>
    </rPh>
    <rPh sb="44" eb="46">
      <t>ソツギョウ</t>
    </rPh>
    <rPh sb="49" eb="50">
      <t>イリ</t>
    </rPh>
    <rPh sb="50" eb="52">
      <t>ツウイン</t>
    </rPh>
    <rPh sb="53" eb="56">
      <t>チュウガッコウ</t>
    </rPh>
    <rPh sb="56" eb="58">
      <t>ソツギョウ</t>
    </rPh>
    <rPh sb="61" eb="63">
      <t>イカ</t>
    </rPh>
    <rPh sb="63" eb="65">
      <t>ニュウイン</t>
    </rPh>
    <rPh sb="67" eb="68">
      <t>サイ</t>
    </rPh>
    <rPh sb="69" eb="71">
      <t>ショトク</t>
    </rPh>
    <rPh sb="71" eb="73">
      <t>セイゲン</t>
    </rPh>
    <phoneticPr fontId="4"/>
  </si>
  <si>
    <t xml:space="preserve"> 二宮町</t>
  </si>
  <si>
    <t>(1)身障１，２級・知的障害Ａ１、２又は身障３，４級・知的障害Ｂ１、精神障害１，２級の入通院　（2）母子・父子（扶養者及高校3年生までの被扶養者）(3)中学校３年までの入通院（小学１年以上所得制限あり）</t>
    <rPh sb="3" eb="5">
      <t>シンショウ</t>
    </rPh>
    <rPh sb="8" eb="9">
      <t>キュウ</t>
    </rPh>
    <rPh sb="10" eb="12">
      <t>チテキ</t>
    </rPh>
    <rPh sb="12" eb="14">
      <t>ショウガイ</t>
    </rPh>
    <rPh sb="18" eb="19">
      <t>マタ</t>
    </rPh>
    <rPh sb="20" eb="22">
      <t>シンショウ</t>
    </rPh>
    <rPh sb="25" eb="26">
      <t>キュウ</t>
    </rPh>
    <rPh sb="27" eb="29">
      <t>チテキ</t>
    </rPh>
    <rPh sb="29" eb="31">
      <t>ショウガイ</t>
    </rPh>
    <rPh sb="34" eb="36">
      <t>セイシン</t>
    </rPh>
    <rPh sb="36" eb="38">
      <t>ショウガイ</t>
    </rPh>
    <rPh sb="41" eb="42">
      <t>キュウ</t>
    </rPh>
    <rPh sb="43" eb="44">
      <t>ニュウ</t>
    </rPh>
    <rPh sb="44" eb="46">
      <t>ツウイン</t>
    </rPh>
    <rPh sb="50" eb="52">
      <t>ボシ</t>
    </rPh>
    <rPh sb="53" eb="55">
      <t>フシ</t>
    </rPh>
    <rPh sb="56" eb="59">
      <t>フヨウシャ</t>
    </rPh>
    <rPh sb="59" eb="60">
      <t>オヨ</t>
    </rPh>
    <rPh sb="60" eb="62">
      <t>コウコウ</t>
    </rPh>
    <rPh sb="63" eb="65">
      <t>ネンセイ</t>
    </rPh>
    <rPh sb="68" eb="72">
      <t>ヒフヨウシャ</t>
    </rPh>
    <rPh sb="76" eb="79">
      <t>チュウガッコウ</t>
    </rPh>
    <rPh sb="80" eb="81">
      <t>ネン</t>
    </rPh>
    <rPh sb="88" eb="90">
      <t>ショウガク</t>
    </rPh>
    <rPh sb="91" eb="92">
      <t>ネン</t>
    </rPh>
    <rPh sb="92" eb="94">
      <t>イジョウ</t>
    </rPh>
    <rPh sb="94" eb="96">
      <t>ショトク</t>
    </rPh>
    <rPh sb="96" eb="98">
      <t>セイゲン</t>
    </rPh>
    <phoneticPr fontId="4"/>
  </si>
  <si>
    <t xml:space="preserve"> 中井町</t>
  </si>
  <si>
    <t>(1)身障手帳１・２級、３級かつIQ50以下知的障害Ａ、Ｂ１（身障３級かつIQ50以下）、精神障害１級（医科入院は対象外）　(2)18歳になった3/31まで（3）中学校卒業までの入通院</t>
    <rPh sb="3" eb="5">
      <t>シンショウ</t>
    </rPh>
    <rPh sb="5" eb="7">
      <t>テチョウ</t>
    </rPh>
    <rPh sb="10" eb="11">
      <t>キュウ</t>
    </rPh>
    <rPh sb="13" eb="14">
      <t>キュウ</t>
    </rPh>
    <rPh sb="20" eb="22">
      <t>イカ</t>
    </rPh>
    <rPh sb="22" eb="24">
      <t>チテキ</t>
    </rPh>
    <rPh sb="24" eb="26">
      <t>ショウガイ</t>
    </rPh>
    <rPh sb="31" eb="33">
      <t>シンショウ</t>
    </rPh>
    <rPh sb="34" eb="35">
      <t>キュウ</t>
    </rPh>
    <rPh sb="41" eb="43">
      <t>イカ</t>
    </rPh>
    <rPh sb="45" eb="47">
      <t>セイシン</t>
    </rPh>
    <rPh sb="47" eb="49">
      <t>ショウガイ</t>
    </rPh>
    <rPh sb="50" eb="51">
      <t>キュウ</t>
    </rPh>
    <rPh sb="52" eb="54">
      <t>イカ</t>
    </rPh>
    <rPh sb="54" eb="56">
      <t>ニュウイン</t>
    </rPh>
    <rPh sb="57" eb="60">
      <t>タイショウガイ</t>
    </rPh>
    <rPh sb="67" eb="68">
      <t>サイ</t>
    </rPh>
    <rPh sb="81" eb="84">
      <t>チュウガッコウ</t>
    </rPh>
    <rPh sb="84" eb="86">
      <t>ソツギョウ</t>
    </rPh>
    <rPh sb="89" eb="90">
      <t>ニュウ</t>
    </rPh>
    <rPh sb="90" eb="92">
      <t>ツウイン</t>
    </rPh>
    <phoneticPr fontId="4"/>
  </si>
  <si>
    <t xml:space="preserve"> 大井町</t>
  </si>
  <si>
    <t>(1)中学校卒業までの入通院</t>
    <rPh sb="3" eb="6">
      <t>チュウガッコウ</t>
    </rPh>
    <rPh sb="6" eb="8">
      <t>ソツギョウ</t>
    </rPh>
    <rPh sb="11" eb="12">
      <t>イリ</t>
    </rPh>
    <rPh sb="12" eb="14">
      <t>ツウイン</t>
    </rPh>
    <phoneticPr fontId="4"/>
  </si>
  <si>
    <t xml:space="preserve"> 松田町</t>
  </si>
  <si>
    <t>（1）精神障害１級の医科入院を除く　(2)0歳～中学校卒業までの入通院</t>
    <rPh sb="3" eb="5">
      <t>セイシン</t>
    </rPh>
    <rPh sb="5" eb="7">
      <t>ショウガイ</t>
    </rPh>
    <rPh sb="8" eb="9">
      <t>キュウ</t>
    </rPh>
    <rPh sb="10" eb="12">
      <t>イカ</t>
    </rPh>
    <rPh sb="12" eb="14">
      <t>ニュウイン</t>
    </rPh>
    <rPh sb="15" eb="16">
      <t>ノゾ</t>
    </rPh>
    <rPh sb="22" eb="23">
      <t>サイ</t>
    </rPh>
    <rPh sb="24" eb="27">
      <t>チュウガッコウ</t>
    </rPh>
    <rPh sb="27" eb="29">
      <t>ソツギョウ</t>
    </rPh>
    <rPh sb="33" eb="34">
      <t>ツウ</t>
    </rPh>
    <phoneticPr fontId="4"/>
  </si>
  <si>
    <t xml:space="preserve"> 山北町</t>
  </si>
  <si>
    <t>(1)１・２級重度障害者、療育手帳Ａ１、Ａ２　（2）ひとり親家庭（18歳に達する日以後最初の3月31日までにある者及びその者を養育する者）(3)中学校卒業までの入通院</t>
    <rPh sb="6" eb="7">
      <t>キュウ</t>
    </rPh>
    <rPh sb="7" eb="9">
      <t>ジュウド</t>
    </rPh>
    <rPh sb="9" eb="12">
      <t>ショウガイシャ</t>
    </rPh>
    <rPh sb="13" eb="15">
      <t>リョウイク</t>
    </rPh>
    <rPh sb="15" eb="17">
      <t>テチョウ</t>
    </rPh>
    <rPh sb="29" eb="30">
      <t>オヤ</t>
    </rPh>
    <rPh sb="30" eb="32">
      <t>カテイ</t>
    </rPh>
    <rPh sb="35" eb="36">
      <t>サイ</t>
    </rPh>
    <rPh sb="37" eb="38">
      <t>タッ</t>
    </rPh>
    <rPh sb="40" eb="41">
      <t>ヒ</t>
    </rPh>
    <rPh sb="41" eb="43">
      <t>イゴ</t>
    </rPh>
    <rPh sb="43" eb="45">
      <t>サイショ</t>
    </rPh>
    <rPh sb="47" eb="48">
      <t>ガツ</t>
    </rPh>
    <rPh sb="50" eb="51">
      <t>ニチ</t>
    </rPh>
    <rPh sb="56" eb="57">
      <t>モノ</t>
    </rPh>
    <rPh sb="57" eb="58">
      <t>オヨ</t>
    </rPh>
    <rPh sb="61" eb="62">
      <t>モノ</t>
    </rPh>
    <rPh sb="63" eb="65">
      <t>ヨウイク</t>
    </rPh>
    <rPh sb="67" eb="68">
      <t>モノ</t>
    </rPh>
    <rPh sb="72" eb="75">
      <t>チュウガッコウ</t>
    </rPh>
    <rPh sb="75" eb="77">
      <t>ソツギョウ</t>
    </rPh>
    <rPh sb="80" eb="81">
      <t>イリ</t>
    </rPh>
    <rPh sb="81" eb="83">
      <t>ツウイン</t>
    </rPh>
    <phoneticPr fontId="4"/>
  </si>
  <si>
    <t xml:space="preserve"> 開成町</t>
  </si>
  <si>
    <t>(1)65歳以上で手帳交付を受けた方は対象外(2)小学校修了までの入通院、中学卒業までの入院（３歳以上は所得制限あり）</t>
    <rPh sb="5" eb="8">
      <t>サイイジョウ</t>
    </rPh>
    <rPh sb="9" eb="11">
      <t>テチョウ</t>
    </rPh>
    <rPh sb="11" eb="13">
      <t>コウフ</t>
    </rPh>
    <rPh sb="14" eb="15">
      <t>ウ</t>
    </rPh>
    <rPh sb="17" eb="18">
      <t>カタ</t>
    </rPh>
    <rPh sb="19" eb="22">
      <t>タイショウガイ</t>
    </rPh>
    <rPh sb="25" eb="28">
      <t>ショウガッコウ</t>
    </rPh>
    <rPh sb="28" eb="30">
      <t>シュウリョウ</t>
    </rPh>
    <rPh sb="37" eb="39">
      <t>チュウガク</t>
    </rPh>
    <rPh sb="39" eb="41">
      <t>ソツギョウ</t>
    </rPh>
    <rPh sb="44" eb="46">
      <t>ニュウイン</t>
    </rPh>
    <rPh sb="48" eb="51">
      <t>サイイジョウ</t>
    </rPh>
    <rPh sb="52" eb="54">
      <t>ショトク</t>
    </rPh>
    <rPh sb="54" eb="56">
      <t>セイゲン</t>
    </rPh>
    <phoneticPr fontId="4"/>
  </si>
  <si>
    <t xml:space="preserve"> 箱根町</t>
  </si>
  <si>
    <t>(1)身障手帳１・２級、ＩＱ35以下の方、身障手帳３級かつＩＱ50以下の方の入通院、精神障害者手帳１級の方の通院のみ　（2）中学校３年末までの入通院。</t>
    <rPh sb="3" eb="5">
      <t>シンショウ</t>
    </rPh>
    <rPh sb="5" eb="7">
      <t>テチョウ</t>
    </rPh>
    <rPh sb="10" eb="11">
      <t>キュウ</t>
    </rPh>
    <rPh sb="16" eb="18">
      <t>イカ</t>
    </rPh>
    <rPh sb="19" eb="20">
      <t>カタ</t>
    </rPh>
    <rPh sb="21" eb="23">
      <t>シンショウ</t>
    </rPh>
    <rPh sb="23" eb="25">
      <t>テチョウ</t>
    </rPh>
    <rPh sb="26" eb="27">
      <t>キュウ</t>
    </rPh>
    <rPh sb="33" eb="35">
      <t>イカ</t>
    </rPh>
    <rPh sb="36" eb="37">
      <t>カタ</t>
    </rPh>
    <rPh sb="38" eb="39">
      <t>ニュウ</t>
    </rPh>
    <rPh sb="39" eb="41">
      <t>ツウイン</t>
    </rPh>
    <rPh sb="42" eb="44">
      <t>セイシン</t>
    </rPh>
    <rPh sb="44" eb="46">
      <t>ショウガイ</t>
    </rPh>
    <rPh sb="46" eb="47">
      <t>シャ</t>
    </rPh>
    <rPh sb="47" eb="49">
      <t>テチョウ</t>
    </rPh>
    <rPh sb="50" eb="51">
      <t>キュウ</t>
    </rPh>
    <rPh sb="52" eb="53">
      <t>カタ</t>
    </rPh>
    <rPh sb="54" eb="56">
      <t>ツウイン</t>
    </rPh>
    <rPh sb="62" eb="63">
      <t>ナカ</t>
    </rPh>
    <rPh sb="63" eb="64">
      <t>ネンマツ</t>
    </rPh>
    <rPh sb="67" eb="68">
      <t>マツ</t>
    </rPh>
    <rPh sb="71" eb="72">
      <t>ニュウ</t>
    </rPh>
    <rPh sb="72" eb="74">
      <t>ツウイン</t>
    </rPh>
    <phoneticPr fontId="4"/>
  </si>
  <si>
    <t xml:space="preserve"> 真鶴町</t>
  </si>
  <si>
    <t>0割(1）</t>
    <phoneticPr fontId="4"/>
  </si>
  <si>
    <t>（1）母子・父子（18歳に達した日の属する年度の末日まで。ただし一定の障害がある場合、高等学校に在学している場合は20歳未満まで。）'(2)満15歳に達した日の属する年度の最初の３月末日までの入通院</t>
    <rPh sb="3" eb="5">
      <t>ボシ</t>
    </rPh>
    <rPh sb="6" eb="8">
      <t>フシ</t>
    </rPh>
    <rPh sb="11" eb="12">
      <t>サイ</t>
    </rPh>
    <rPh sb="13" eb="14">
      <t>タッ</t>
    </rPh>
    <rPh sb="16" eb="17">
      <t>ヒ</t>
    </rPh>
    <rPh sb="18" eb="19">
      <t>ゾク</t>
    </rPh>
    <rPh sb="21" eb="23">
      <t>ネンド</t>
    </rPh>
    <rPh sb="24" eb="26">
      <t>マツジツ</t>
    </rPh>
    <rPh sb="32" eb="34">
      <t>イッテイ</t>
    </rPh>
    <rPh sb="35" eb="37">
      <t>ショウガイ</t>
    </rPh>
    <rPh sb="40" eb="42">
      <t>バアイ</t>
    </rPh>
    <rPh sb="43" eb="45">
      <t>コウトウ</t>
    </rPh>
    <rPh sb="45" eb="47">
      <t>ガッコウ</t>
    </rPh>
    <rPh sb="48" eb="50">
      <t>ザイガク</t>
    </rPh>
    <rPh sb="54" eb="56">
      <t>バアイ</t>
    </rPh>
    <rPh sb="59" eb="60">
      <t>サイ</t>
    </rPh>
    <rPh sb="60" eb="62">
      <t>ミマン</t>
    </rPh>
    <rPh sb="70" eb="71">
      <t>マン</t>
    </rPh>
    <rPh sb="73" eb="74">
      <t>サイ</t>
    </rPh>
    <rPh sb="75" eb="76">
      <t>タッ</t>
    </rPh>
    <rPh sb="78" eb="79">
      <t>ヒ</t>
    </rPh>
    <rPh sb="80" eb="81">
      <t>ゾク</t>
    </rPh>
    <rPh sb="83" eb="85">
      <t>ネンド</t>
    </rPh>
    <rPh sb="86" eb="88">
      <t>サイショ</t>
    </rPh>
    <rPh sb="90" eb="91">
      <t>ガツ</t>
    </rPh>
    <rPh sb="91" eb="93">
      <t>マツジツ</t>
    </rPh>
    <rPh sb="96" eb="97">
      <t>ニュウ</t>
    </rPh>
    <rPh sb="97" eb="99">
      <t>ツウイン</t>
    </rPh>
    <phoneticPr fontId="4"/>
  </si>
  <si>
    <t xml:space="preserve"> 湯河原町</t>
  </si>
  <si>
    <t>3割</t>
  </si>
  <si>
    <t>(1)１級または２級に該当する障害を有する者　（精神は１級のみ償還払）（2）対象は小学校終了後から18歳に達する最初の3月31日まで。入院１日100円・外来１回200円を自己負担 (3)0歳～小学校卒業までの入通院、中学生は入院のみ（４歳以上は外来１回200円、入院１日100円を自己負担）</t>
    <rPh sb="4" eb="5">
      <t>キュウ</t>
    </rPh>
    <rPh sb="9" eb="10">
      <t>キュウ</t>
    </rPh>
    <rPh sb="11" eb="13">
      <t>ガイトウ</t>
    </rPh>
    <rPh sb="15" eb="17">
      <t>ショウガイ</t>
    </rPh>
    <rPh sb="18" eb="19">
      <t>ユウ</t>
    </rPh>
    <rPh sb="21" eb="22">
      <t>モノ</t>
    </rPh>
    <rPh sb="24" eb="26">
      <t>セイシン</t>
    </rPh>
    <rPh sb="28" eb="29">
      <t>キュウ</t>
    </rPh>
    <rPh sb="31" eb="33">
      <t>ショウカン</t>
    </rPh>
    <rPh sb="33" eb="34">
      <t>バラ</t>
    </rPh>
    <rPh sb="38" eb="40">
      <t>タイショウ</t>
    </rPh>
    <rPh sb="41" eb="44">
      <t>ショウガッコウ</t>
    </rPh>
    <rPh sb="44" eb="46">
      <t>シュウリョウ</t>
    </rPh>
    <rPh sb="46" eb="47">
      <t>ゴ</t>
    </rPh>
    <rPh sb="51" eb="52">
      <t>サイ</t>
    </rPh>
    <rPh sb="53" eb="54">
      <t>タッ</t>
    </rPh>
    <rPh sb="56" eb="58">
      <t>サイショ</t>
    </rPh>
    <rPh sb="60" eb="61">
      <t>ガツ</t>
    </rPh>
    <rPh sb="63" eb="64">
      <t>ニチ</t>
    </rPh>
    <rPh sb="70" eb="71">
      <t>ニチ</t>
    </rPh>
    <rPh sb="85" eb="87">
      <t>ジコ</t>
    </rPh>
    <rPh sb="87" eb="89">
      <t>フタン</t>
    </rPh>
    <rPh sb="94" eb="95">
      <t>サイ</t>
    </rPh>
    <rPh sb="96" eb="99">
      <t>ショウガッコウ</t>
    </rPh>
    <rPh sb="99" eb="101">
      <t>ソツギョウ</t>
    </rPh>
    <rPh sb="104" eb="105">
      <t>ニュウ</t>
    </rPh>
    <rPh sb="105" eb="107">
      <t>ツウイン</t>
    </rPh>
    <rPh sb="108" eb="110">
      <t>チュウガク</t>
    </rPh>
    <rPh sb="110" eb="111">
      <t>セイ</t>
    </rPh>
    <rPh sb="122" eb="124">
      <t>ガイライ</t>
    </rPh>
    <rPh sb="125" eb="126">
      <t>カイ</t>
    </rPh>
    <rPh sb="129" eb="130">
      <t>エン</t>
    </rPh>
    <rPh sb="131" eb="133">
      <t>ニュウイン</t>
    </rPh>
    <rPh sb="134" eb="135">
      <t>ニチ</t>
    </rPh>
    <rPh sb="138" eb="139">
      <t>エン</t>
    </rPh>
    <rPh sb="140" eb="142">
      <t>ジコ</t>
    </rPh>
    <rPh sb="142" eb="144">
      <t>フタン</t>
    </rPh>
    <phoneticPr fontId="4"/>
  </si>
  <si>
    <t xml:space="preserve"> 愛川町</t>
  </si>
  <si>
    <t>（1）自立支援医療費助成申請者は9割（精神は通院のみ）(2)中学校卒業までの入通院</t>
    <rPh sb="3" eb="5">
      <t>ジリツ</t>
    </rPh>
    <rPh sb="5" eb="7">
      <t>シエン</t>
    </rPh>
    <rPh sb="7" eb="9">
      <t>イリョウ</t>
    </rPh>
    <rPh sb="9" eb="10">
      <t>ヒ</t>
    </rPh>
    <rPh sb="10" eb="12">
      <t>ジョセイ</t>
    </rPh>
    <rPh sb="12" eb="15">
      <t>シンセイシャ</t>
    </rPh>
    <rPh sb="17" eb="18">
      <t>ワリ</t>
    </rPh>
    <rPh sb="19" eb="21">
      <t>セイシン</t>
    </rPh>
    <rPh sb="22" eb="24">
      <t>ツウイン</t>
    </rPh>
    <rPh sb="30" eb="33">
      <t>チュウガッコウ</t>
    </rPh>
    <rPh sb="33" eb="35">
      <t>ソツギョウ</t>
    </rPh>
    <rPh sb="38" eb="39">
      <t>イリ</t>
    </rPh>
    <rPh sb="39" eb="41">
      <t>ツウイン</t>
    </rPh>
    <phoneticPr fontId="4"/>
  </si>
  <si>
    <t xml:space="preserve"> 清川村</t>
  </si>
  <si>
    <t>(1)中学３学年の３月31日 までの入通院・中学３年生の３月31日の翌日以降満18歳に達して以降最初の3月31日までの入院のみ</t>
    <rPh sb="3" eb="5">
      <t>チュウガク</t>
    </rPh>
    <rPh sb="6" eb="8">
      <t>ガクネン</t>
    </rPh>
    <rPh sb="10" eb="11">
      <t>ガツ</t>
    </rPh>
    <rPh sb="13" eb="14">
      <t>ニチ</t>
    </rPh>
    <rPh sb="22" eb="24">
      <t>チュウガク</t>
    </rPh>
    <rPh sb="25" eb="26">
      <t>ネン</t>
    </rPh>
    <rPh sb="26" eb="27">
      <t>セイ</t>
    </rPh>
    <rPh sb="29" eb="30">
      <t>ガツ</t>
    </rPh>
    <rPh sb="32" eb="33">
      <t>ニチ</t>
    </rPh>
    <rPh sb="34" eb="36">
      <t>ヨクジツ</t>
    </rPh>
    <rPh sb="36" eb="38">
      <t>イコウ</t>
    </rPh>
    <rPh sb="38" eb="39">
      <t>マン</t>
    </rPh>
    <rPh sb="41" eb="42">
      <t>サイ</t>
    </rPh>
    <rPh sb="43" eb="44">
      <t>タッ</t>
    </rPh>
    <rPh sb="46" eb="48">
      <t>イコウ</t>
    </rPh>
    <rPh sb="48" eb="50">
      <t>サイショ</t>
    </rPh>
    <rPh sb="52" eb="53">
      <t>ガツ</t>
    </rPh>
    <rPh sb="55" eb="56">
      <t>ニチ</t>
    </rPh>
    <rPh sb="59" eb="61">
      <t>ニュウイン</t>
    </rPh>
    <phoneticPr fontId="4"/>
  </si>
  <si>
    <t>組合員</t>
    <rPh sb="0" eb="2">
      <t>クミアイ</t>
    </rPh>
    <rPh sb="2" eb="3">
      <t>イン</t>
    </rPh>
    <phoneticPr fontId="4"/>
  </si>
  <si>
    <t>家族</t>
    <rPh sb="0" eb="2">
      <t>カゾク</t>
    </rPh>
    <phoneticPr fontId="4"/>
  </si>
  <si>
    <t>備考(上段は傷病手当金・下段は葬祭費)</t>
    <rPh sb="12" eb="14">
      <t>ゲダン</t>
    </rPh>
    <rPh sb="15" eb="17">
      <t>ソウサイ</t>
    </rPh>
    <rPh sb="17" eb="18">
      <t>ヒ</t>
    </rPh>
    <phoneticPr fontId="4"/>
  </si>
  <si>
    <t>医        師</t>
    <phoneticPr fontId="4"/>
  </si>
  <si>
    <t>3割</t>
    <phoneticPr fontId="4"/>
  </si>
  <si>
    <t xml:space="preserve"> (1)</t>
    <phoneticPr fontId="4"/>
  </si>
  <si>
    <t>第１種30,000円×12か月限度、第２種15,000×6か月限度</t>
    <rPh sb="15" eb="17">
      <t>ゲンド</t>
    </rPh>
    <rPh sb="31" eb="33">
      <t>ゲンド</t>
    </rPh>
    <phoneticPr fontId="4"/>
  </si>
  <si>
    <t>（1）第１種200,000円、第２種100,000円</t>
    <rPh sb="3" eb="4">
      <t>ダイ</t>
    </rPh>
    <rPh sb="5" eb="6">
      <t>シュ</t>
    </rPh>
    <rPh sb="13" eb="14">
      <t>エン</t>
    </rPh>
    <rPh sb="15" eb="16">
      <t>ダイ</t>
    </rPh>
    <rPh sb="17" eb="18">
      <t>シュ</t>
    </rPh>
    <rPh sb="25" eb="26">
      <t>エン</t>
    </rPh>
    <phoneticPr fontId="4"/>
  </si>
  <si>
    <t>歯科医師</t>
    <phoneticPr fontId="4"/>
  </si>
  <si>
    <t xml:space="preserve"> (1)</t>
    <phoneticPr fontId="4"/>
  </si>
  <si>
    <t>入院につき、第１種1日当り5,000円、第２種１日当たり4,000円、第３種１日当たり3,000円</t>
    <rPh sb="0" eb="2">
      <t>ニュウイン</t>
    </rPh>
    <rPh sb="18" eb="19">
      <t>エン</t>
    </rPh>
    <rPh sb="23" eb="25">
      <t>イチニチ</t>
    </rPh>
    <rPh sb="25" eb="26">
      <t>ア</t>
    </rPh>
    <rPh sb="33" eb="34">
      <t>エン</t>
    </rPh>
    <rPh sb="38" eb="40">
      <t>イチニチ</t>
    </rPh>
    <rPh sb="40" eb="41">
      <t>ア</t>
    </rPh>
    <phoneticPr fontId="4"/>
  </si>
  <si>
    <t>組合員の</t>
  </si>
  <si>
    <t>組合員の住所地の</t>
  </si>
  <si>
    <t>(1)第１種200,000円、第２種150,000円、第３種及び家族100,000円</t>
    <rPh sb="3" eb="4">
      <t>ダイ</t>
    </rPh>
    <rPh sb="5" eb="6">
      <t>シュ</t>
    </rPh>
    <rPh sb="13" eb="14">
      <t>エン</t>
    </rPh>
    <rPh sb="15" eb="16">
      <t>ダイ</t>
    </rPh>
    <rPh sb="17" eb="18">
      <t>シュ</t>
    </rPh>
    <rPh sb="25" eb="26">
      <t>エン</t>
    </rPh>
    <rPh sb="27" eb="28">
      <t>ダイ</t>
    </rPh>
    <rPh sb="29" eb="30">
      <t>シュ</t>
    </rPh>
    <rPh sb="30" eb="31">
      <t>オヨ</t>
    </rPh>
    <rPh sb="32" eb="34">
      <t>カゾク</t>
    </rPh>
    <rPh sb="41" eb="42">
      <t>エン</t>
    </rPh>
    <phoneticPr fontId="4"/>
  </si>
  <si>
    <t>食品衛生</t>
    <phoneticPr fontId="4"/>
  </si>
  <si>
    <t>住所地の</t>
  </si>
  <si>
    <t>市町村が実施主体</t>
  </si>
  <si>
    <t>10,000円(入院１月以上。加入期間１年以上20,000円、３年以上30,000円)</t>
    <rPh sb="12" eb="14">
      <t>イジョウ</t>
    </rPh>
    <rPh sb="17" eb="19">
      <t>キカン</t>
    </rPh>
    <phoneticPr fontId="4"/>
  </si>
  <si>
    <t>市町村が</t>
  </si>
  <si>
    <t>(1)加入年数に応じて70,000～300,000円</t>
    <rPh sb="3" eb="5">
      <t>カニュウ</t>
    </rPh>
    <rPh sb="5" eb="7">
      <t>ネンスウ</t>
    </rPh>
    <rPh sb="8" eb="9">
      <t>オウ</t>
    </rPh>
    <rPh sb="25" eb="26">
      <t>エン</t>
    </rPh>
    <phoneticPr fontId="4"/>
  </si>
  <si>
    <t>薬  剤  師</t>
    <phoneticPr fontId="4"/>
  </si>
  <si>
    <t>実施主体</t>
  </si>
  <si>
    <t>平成24年度から廃止</t>
    <rPh sb="0" eb="2">
      <t>ヘイセイ</t>
    </rPh>
    <rPh sb="4" eb="6">
      <t>ネンド</t>
    </rPh>
    <rPh sb="8" eb="10">
      <t>ハイシ</t>
    </rPh>
    <phoneticPr fontId="4"/>
  </si>
  <si>
    <t>(1)組合員100,000円、家族70,000円</t>
    <rPh sb="3" eb="6">
      <t>クミアイイン</t>
    </rPh>
    <rPh sb="13" eb="14">
      <t>エン</t>
    </rPh>
    <rPh sb="15" eb="17">
      <t>カゾク</t>
    </rPh>
    <rPh sb="23" eb="24">
      <t>エン</t>
    </rPh>
    <phoneticPr fontId="4"/>
  </si>
  <si>
    <t>建  設  業</t>
    <phoneticPr fontId="4"/>
  </si>
  <si>
    <t>組合員の入院１日につき4,000円(同一年度内50日を限度)</t>
    <rPh sb="0" eb="3">
      <t>クミアイイン</t>
    </rPh>
    <rPh sb="4" eb="6">
      <t>ニュウイン</t>
    </rPh>
    <rPh sb="7" eb="8">
      <t>ニチ</t>
    </rPh>
    <rPh sb="22" eb="23">
      <t>ナイ</t>
    </rPh>
    <rPh sb="27" eb="29">
      <t>ゲンド</t>
    </rPh>
    <phoneticPr fontId="4"/>
  </si>
  <si>
    <t>(1)組合員100,000円、家族50,000円</t>
    <rPh sb="3" eb="6">
      <t>クミアイイン</t>
    </rPh>
    <rPh sb="13" eb="14">
      <t>エン</t>
    </rPh>
    <rPh sb="15" eb="17">
      <t>カゾク</t>
    </rPh>
    <rPh sb="23" eb="24">
      <t>エン</t>
    </rPh>
    <phoneticPr fontId="4"/>
  </si>
  <si>
    <t>建設連合</t>
    <phoneticPr fontId="4"/>
  </si>
  <si>
    <t>組合員のみ１日当たり 1,000～4,200円 （80日限度）、入院加算 3,000円/日</t>
    <rPh sb="0" eb="3">
      <t>クミアイイン</t>
    </rPh>
    <rPh sb="6" eb="7">
      <t>ニチ</t>
    </rPh>
    <rPh sb="7" eb="8">
      <t>ア</t>
    </rPh>
    <rPh sb="22" eb="23">
      <t>エン</t>
    </rPh>
    <rPh sb="27" eb="28">
      <t>ニチ</t>
    </rPh>
    <rPh sb="28" eb="30">
      <t>ゲンド</t>
    </rPh>
    <rPh sb="32" eb="34">
      <t>ニュウイン</t>
    </rPh>
    <rPh sb="34" eb="36">
      <t>カサン</t>
    </rPh>
    <rPh sb="42" eb="43">
      <t>エン</t>
    </rPh>
    <rPh sb="44" eb="45">
      <t>ニチ</t>
    </rPh>
    <phoneticPr fontId="4"/>
  </si>
  <si>
    <t>(1)組合員80,000円、家族40,000円</t>
    <rPh sb="3" eb="6">
      <t>クミアイイン</t>
    </rPh>
    <rPh sb="12" eb="13">
      <t>エン</t>
    </rPh>
    <rPh sb="14" eb="16">
      <t>カゾク</t>
    </rPh>
    <rPh sb="22" eb="23">
      <t>エン</t>
    </rPh>
    <phoneticPr fontId="4"/>
  </si>
  <si>
    <t>（注１）　身障１・２級、IQ35以下、身障３級とIQ50以下の合併</t>
    <rPh sb="1" eb="2">
      <t>チュウ</t>
    </rPh>
    <rPh sb="5" eb="7">
      <t>シンショウ</t>
    </rPh>
    <rPh sb="10" eb="11">
      <t>キュウ</t>
    </rPh>
    <rPh sb="16" eb="18">
      <t>イカ</t>
    </rPh>
    <rPh sb="19" eb="21">
      <t>シンショウ</t>
    </rPh>
    <rPh sb="21" eb="23">
      <t>サンキュウ</t>
    </rPh>
    <rPh sb="28" eb="30">
      <t>イカ</t>
    </rPh>
    <rPh sb="31" eb="33">
      <t>ガッペイ</t>
    </rPh>
    <phoneticPr fontId="4"/>
  </si>
  <si>
    <t>平成29年４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4"/>
  </si>
  <si>
    <t>（注２）　「結核」は感染症法第37条、第37条の2。「精神」は精神保健福祉法第29条、29－2、障害者自立支援法第58条適用。</t>
    <rPh sb="1" eb="2">
      <t>チュウ</t>
    </rPh>
    <rPh sb="6" eb="8">
      <t>ケッカク</t>
    </rPh>
    <rPh sb="10" eb="13">
      <t>カンセンショウ</t>
    </rPh>
    <rPh sb="13" eb="14">
      <t>ホウ</t>
    </rPh>
    <rPh sb="14" eb="15">
      <t>ダイ</t>
    </rPh>
    <rPh sb="17" eb="18">
      <t>ジョウ</t>
    </rPh>
    <rPh sb="19" eb="20">
      <t>ダイ</t>
    </rPh>
    <rPh sb="22" eb="23">
      <t>ジョウ</t>
    </rPh>
    <rPh sb="27" eb="29">
      <t>セイシン</t>
    </rPh>
    <rPh sb="31" eb="33">
      <t>セイシン</t>
    </rPh>
    <rPh sb="33" eb="35">
      <t>ホケン</t>
    </rPh>
    <rPh sb="35" eb="37">
      <t>フクシ</t>
    </rPh>
    <rPh sb="37" eb="38">
      <t>ホウ</t>
    </rPh>
    <rPh sb="38" eb="39">
      <t>ダイ</t>
    </rPh>
    <rPh sb="41" eb="42">
      <t>ジョウ</t>
    </rPh>
    <rPh sb="48" eb="51">
      <t>ショウガイシャ</t>
    </rPh>
    <rPh sb="51" eb="53">
      <t>ジリツ</t>
    </rPh>
    <rPh sb="53" eb="55">
      <t>シエン</t>
    </rPh>
    <rPh sb="55" eb="56">
      <t>ホウ</t>
    </rPh>
    <rPh sb="56" eb="57">
      <t>ダイ</t>
    </rPh>
    <rPh sb="59" eb="60">
      <t>ジョウ</t>
    </rPh>
    <rPh sb="60" eb="62">
      <t>テキヨウ</t>
    </rPh>
    <phoneticPr fontId="4"/>
  </si>
  <si>
    <t>　　（１）～（３）は備考の該当番号を示す。</t>
    <rPh sb="10" eb="12">
      <t>ビコウ</t>
    </rPh>
    <rPh sb="13" eb="15">
      <t>ガイトウ</t>
    </rPh>
    <rPh sb="15" eb="17">
      <t>バンゴウ</t>
    </rPh>
    <rPh sb="18" eb="19">
      <t>シメ</t>
    </rPh>
    <phoneticPr fontId="4"/>
  </si>
  <si>
    <t>予算関係資料様式８をもとに入力</t>
    <rPh sb="0" eb="2">
      <t>ヨサン</t>
    </rPh>
    <rPh sb="2" eb="4">
      <t>カンケイ</t>
    </rPh>
    <rPh sb="4" eb="6">
      <t>シリョウ</t>
    </rPh>
    <rPh sb="6" eb="8">
      <t>ヨウシキ</t>
    </rPh>
    <rPh sb="13" eb="15">
      <t>ニュウリョ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明朝"/>
      <family val="1"/>
      <charset val="128"/>
    </font>
    <font>
      <sz val="14"/>
      <name val="Terminal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8"/>
      <name val="ＭＳ Ｐゴシック"/>
      <family val="3"/>
      <charset val="128"/>
    </font>
    <font>
      <sz val="9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7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7" fillId="0" borderId="0" applyFont="0" applyFill="0" applyBorder="0" applyAlignment="0" applyProtection="0"/>
    <xf numFmtId="37" fontId="1" fillId="0" borderId="0"/>
    <xf numFmtId="37" fontId="1" fillId="0" borderId="0"/>
  </cellStyleXfs>
  <cellXfs count="174">
    <xf numFmtId="0" fontId="0" fillId="0" borderId="0" xfId="0"/>
    <xf numFmtId="37" fontId="2" fillId="0" borderId="0" xfId="2" applyFont="1" applyFill="1" applyBorder="1"/>
    <xf numFmtId="37" fontId="5" fillId="0" borderId="0" xfId="2" applyFont="1" applyFill="1" applyBorder="1"/>
    <xf numFmtId="37" fontId="5" fillId="0" borderId="0" xfId="2" applyFont="1" applyBorder="1"/>
    <xf numFmtId="37" fontId="5" fillId="0" borderId="0" xfId="2" applyFont="1" applyAlignment="1">
      <alignment wrapText="1"/>
    </xf>
    <xf numFmtId="37" fontId="5" fillId="0" borderId="0" xfId="2" applyFont="1"/>
    <xf numFmtId="37" fontId="5" fillId="0" borderId="1" xfId="2" applyFont="1" applyBorder="1"/>
    <xf numFmtId="37" fontId="6" fillId="0" borderId="1" xfId="2" applyFont="1" applyBorder="1" applyProtection="1"/>
    <xf numFmtId="37" fontId="5" fillId="0" borderId="1" xfId="2" applyFont="1" applyBorder="1" applyAlignment="1" applyProtection="1">
      <alignment horizontal="left"/>
    </xf>
    <xf numFmtId="37" fontId="5" fillId="0" borderId="2" xfId="2" applyFont="1" applyBorder="1" applyAlignment="1" applyProtection="1">
      <alignment horizontal="center" vertical="center"/>
    </xf>
    <xf numFmtId="37" fontId="5" fillId="0" borderId="13" xfId="2" applyFont="1" applyBorder="1" applyAlignment="1" applyProtection="1">
      <alignment horizontal="centerContinuous"/>
    </xf>
    <xf numFmtId="37" fontId="5" fillId="0" borderId="16" xfId="2" applyFont="1" applyBorder="1" applyAlignment="1" applyProtection="1">
      <alignment horizontal="centerContinuous"/>
    </xf>
    <xf numFmtId="37" fontId="5" fillId="0" borderId="16" xfId="2" applyFont="1" applyBorder="1" applyAlignment="1">
      <alignment horizontal="centerContinuous"/>
    </xf>
    <xf numFmtId="37" fontId="5" fillId="0" borderId="19" xfId="2" applyFont="1" applyBorder="1" applyAlignment="1" applyProtection="1">
      <alignment horizontal="center" vertical="center"/>
    </xf>
    <xf numFmtId="37" fontId="5" fillId="0" borderId="20" xfId="2" applyFont="1" applyBorder="1" applyAlignment="1" applyProtection="1">
      <alignment horizontal="center"/>
    </xf>
    <xf numFmtId="37" fontId="5" fillId="0" borderId="29" xfId="2" applyFont="1" applyBorder="1" applyAlignment="1" applyProtection="1">
      <alignment horizontal="left" vertical="center"/>
    </xf>
    <xf numFmtId="37" fontId="5" fillId="0" borderId="13" xfId="2" applyFont="1" applyBorder="1" applyAlignment="1">
      <alignment horizontal="center" vertical="center"/>
    </xf>
    <xf numFmtId="37" fontId="5" fillId="0" borderId="16" xfId="2" applyFont="1" applyBorder="1" applyAlignment="1">
      <alignment horizontal="center" vertical="center"/>
    </xf>
    <xf numFmtId="37" fontId="5" fillId="0" borderId="13" xfId="2" applyFont="1" applyFill="1" applyBorder="1" applyAlignment="1">
      <alignment vertical="center"/>
    </xf>
    <xf numFmtId="37" fontId="5" fillId="0" borderId="36" xfId="2" applyFont="1" applyFill="1" applyBorder="1" applyAlignment="1">
      <alignment vertical="center"/>
    </xf>
    <xf numFmtId="37" fontId="8" fillId="0" borderId="37" xfId="2" applyFont="1" applyBorder="1" applyAlignment="1">
      <alignment vertical="center"/>
    </xf>
    <xf numFmtId="37" fontId="5" fillId="0" borderId="29" xfId="2" applyFont="1" applyFill="1" applyBorder="1" applyAlignment="1" applyProtection="1">
      <alignment horizontal="left" vertical="center"/>
    </xf>
    <xf numFmtId="37" fontId="5" fillId="0" borderId="13" xfId="2" applyFont="1" applyFill="1" applyBorder="1" applyAlignment="1">
      <alignment horizontal="center" vertical="center"/>
    </xf>
    <xf numFmtId="37" fontId="8" fillId="0" borderId="37" xfId="2" applyFont="1" applyFill="1" applyBorder="1" applyAlignment="1">
      <alignment vertical="center" wrapText="1"/>
    </xf>
    <xf numFmtId="37" fontId="5" fillId="0" borderId="0" xfId="2" applyFont="1" applyFill="1"/>
    <xf numFmtId="37" fontId="5" fillId="0" borderId="13" xfId="2" applyFont="1" applyFill="1" applyBorder="1" applyAlignment="1">
      <alignment horizontal="right" vertical="center" wrapText="1"/>
    </xf>
    <xf numFmtId="37" fontId="5" fillId="0" borderId="13" xfId="2" quotePrefix="1" applyFont="1" applyFill="1" applyBorder="1" applyAlignment="1">
      <alignment horizontal="center" vertical="center"/>
    </xf>
    <xf numFmtId="37" fontId="8" fillId="0" borderId="37" xfId="2" applyFont="1" applyBorder="1" applyAlignment="1">
      <alignment vertical="center" wrapText="1"/>
    </xf>
    <xf numFmtId="37" fontId="8" fillId="0" borderId="37" xfId="2" quotePrefix="1" applyFont="1" applyBorder="1" applyAlignment="1">
      <alignment vertical="center"/>
    </xf>
    <xf numFmtId="37" fontId="8" fillId="0" borderId="37" xfId="2" quotePrefix="1" applyFont="1" applyBorder="1" applyAlignment="1">
      <alignment vertical="center" wrapText="1"/>
    </xf>
    <xf numFmtId="37" fontId="5" fillId="0" borderId="13" xfId="2" quotePrefix="1" applyFont="1" applyBorder="1" applyAlignment="1">
      <alignment horizontal="center" vertical="center"/>
    </xf>
    <xf numFmtId="37" fontId="8" fillId="0" borderId="37" xfId="2" quotePrefix="1" applyFont="1" applyFill="1" applyBorder="1" applyAlignment="1">
      <alignment vertical="center" wrapText="1"/>
    </xf>
    <xf numFmtId="37" fontId="5" fillId="0" borderId="16" xfId="2" applyFont="1" applyFill="1" applyBorder="1" applyAlignment="1">
      <alignment horizontal="center" vertical="center"/>
    </xf>
    <xf numFmtId="37" fontId="5" fillId="0" borderId="38" xfId="2" applyFont="1" applyBorder="1" applyAlignment="1" applyProtection="1">
      <alignment horizontal="left" vertical="center"/>
    </xf>
    <xf numFmtId="37" fontId="5" fillId="0" borderId="39" xfId="2" applyFont="1" applyFill="1" applyBorder="1" applyAlignment="1">
      <alignment horizontal="center" vertical="center"/>
    </xf>
    <xf numFmtId="37" fontId="5" fillId="0" borderId="26" xfId="2" applyFont="1" applyBorder="1" applyAlignment="1">
      <alignment horizontal="center" vertical="center"/>
    </xf>
    <xf numFmtId="37" fontId="5" fillId="0" borderId="26" xfId="2" applyFont="1" applyFill="1" applyBorder="1" applyAlignment="1">
      <alignment vertical="center"/>
    </xf>
    <xf numFmtId="37" fontId="5" fillId="0" borderId="43" xfId="2" applyFont="1" applyFill="1" applyBorder="1" applyAlignment="1">
      <alignment vertical="center"/>
    </xf>
    <xf numFmtId="37" fontId="8" fillId="0" borderId="44" xfId="2" quotePrefix="1" applyFont="1" applyBorder="1" applyAlignment="1">
      <alignment vertical="center" wrapText="1"/>
    </xf>
    <xf numFmtId="37" fontId="5" fillId="0" borderId="45" xfId="2" applyFont="1" applyBorder="1" applyAlignment="1" applyProtection="1">
      <alignment horizontal="left" vertical="center"/>
    </xf>
    <xf numFmtId="37" fontId="5" fillId="0" borderId="30" xfId="2" applyFont="1" applyBorder="1" applyAlignment="1">
      <alignment horizontal="center" vertical="center"/>
    </xf>
    <xf numFmtId="37" fontId="5" fillId="0" borderId="48" xfId="2" applyFont="1" applyFill="1" applyBorder="1" applyAlignment="1">
      <alignment vertical="center"/>
    </xf>
    <xf numFmtId="37" fontId="8" fillId="0" borderId="49" xfId="2" quotePrefix="1" applyFont="1" applyFill="1" applyBorder="1" applyAlignment="1">
      <alignment vertical="center" wrapText="1"/>
    </xf>
    <xf numFmtId="37" fontId="8" fillId="0" borderId="49" xfId="2" quotePrefix="1" applyFont="1" applyBorder="1" applyAlignment="1">
      <alignment vertical="center"/>
    </xf>
    <xf numFmtId="37" fontId="8" fillId="0" borderId="49" xfId="2" quotePrefix="1" applyFont="1" applyFill="1" applyBorder="1" applyAlignment="1">
      <alignment vertical="center"/>
    </xf>
    <xf numFmtId="37" fontId="8" fillId="0" borderId="49" xfId="2" applyFont="1" applyFill="1" applyBorder="1" applyAlignment="1">
      <alignment vertical="center" wrapText="1"/>
    </xf>
    <xf numFmtId="37" fontId="8" fillId="0" borderId="49" xfId="2" quotePrefix="1" applyFont="1" applyBorder="1" applyAlignment="1">
      <alignment vertical="center" wrapText="1"/>
    </xf>
    <xf numFmtId="37" fontId="8" fillId="0" borderId="49" xfId="2" applyFont="1" applyBorder="1" applyAlignment="1">
      <alignment vertical="center"/>
    </xf>
    <xf numFmtId="37" fontId="5" fillId="0" borderId="50" xfId="2" applyFont="1" applyBorder="1" applyAlignment="1" applyProtection="1">
      <alignment horizontal="left"/>
    </xf>
    <xf numFmtId="37" fontId="8" fillId="0" borderId="51" xfId="2" applyFont="1" applyBorder="1" applyAlignment="1">
      <alignment horizontal="center" vertical="center" shrinkToFit="1"/>
    </xf>
    <xf numFmtId="37" fontId="8" fillId="0" borderId="52" xfId="2" applyFont="1" applyBorder="1" applyAlignment="1">
      <alignment horizontal="center" vertical="center" shrinkToFit="1"/>
    </xf>
    <xf numFmtId="37" fontId="5" fillId="0" borderId="53" xfId="2" applyFont="1" applyBorder="1"/>
    <xf numFmtId="37" fontId="8" fillId="0" borderId="54" xfId="2" applyFont="1" applyBorder="1" applyAlignment="1">
      <alignment horizontal="center" vertical="center" shrinkToFit="1"/>
    </xf>
    <xf numFmtId="37" fontId="5" fillId="0" borderId="53" xfId="2" applyFont="1" applyBorder="1" applyAlignment="1">
      <alignment horizontal="center"/>
    </xf>
    <xf numFmtId="37" fontId="5" fillId="0" borderId="53" xfId="2" applyFont="1" applyFill="1" applyBorder="1"/>
    <xf numFmtId="37" fontId="5" fillId="0" borderId="55" xfId="2" applyFont="1" applyFill="1" applyBorder="1"/>
    <xf numFmtId="37" fontId="8" fillId="0" borderId="28" xfId="2" applyFont="1" applyBorder="1"/>
    <xf numFmtId="37" fontId="5" fillId="0" borderId="59" xfId="2" applyFont="1" applyBorder="1" applyAlignment="1">
      <alignment vertical="center" wrapText="1"/>
    </xf>
    <xf numFmtId="37" fontId="5" fillId="0" borderId="61" xfId="2" applyFont="1" applyBorder="1" applyAlignment="1">
      <alignment horizontal="center"/>
    </xf>
    <xf numFmtId="37" fontId="5" fillId="0" borderId="61" xfId="2" quotePrefix="1" applyFont="1" applyBorder="1" applyAlignment="1">
      <alignment horizontal="center"/>
    </xf>
    <xf numFmtId="37" fontId="5" fillId="0" borderId="62" xfId="2" applyFont="1" applyBorder="1" applyAlignment="1">
      <alignment horizontal="center"/>
    </xf>
    <xf numFmtId="37" fontId="5" fillId="0" borderId="10" xfId="2" applyFont="1" applyFill="1" applyBorder="1"/>
    <xf numFmtId="37" fontId="5" fillId="0" borderId="63" xfId="2" quotePrefix="1" applyFont="1" applyFill="1" applyBorder="1" applyAlignment="1">
      <alignment horizontal="center"/>
    </xf>
    <xf numFmtId="38" fontId="8" fillId="0" borderId="64" xfId="1" applyFont="1" applyBorder="1"/>
    <xf numFmtId="37" fontId="5" fillId="0" borderId="12" xfId="2" applyFont="1" applyBorder="1" applyAlignment="1">
      <alignment vertical="center" wrapText="1"/>
    </xf>
    <xf numFmtId="37" fontId="5" fillId="0" borderId="0" xfId="2" applyFont="1" applyBorder="1" applyAlignment="1">
      <alignment horizontal="center"/>
    </xf>
    <xf numFmtId="37" fontId="5" fillId="0" borderId="11" xfId="2" applyFont="1" applyBorder="1" applyAlignment="1">
      <alignment horizontal="center"/>
    </xf>
    <xf numFmtId="37" fontId="5" fillId="0" borderId="13" xfId="2" applyFont="1" applyFill="1" applyBorder="1"/>
    <xf numFmtId="37" fontId="5" fillId="0" borderId="36" xfId="2" quotePrefix="1" applyFont="1" applyFill="1" applyBorder="1" applyAlignment="1">
      <alignment horizontal="center"/>
    </xf>
    <xf numFmtId="38" fontId="8" fillId="0" borderId="37" xfId="1" applyFont="1" applyBorder="1"/>
    <xf numFmtId="37" fontId="5" fillId="0" borderId="12" xfId="2" applyFont="1" applyFill="1" applyBorder="1" applyAlignment="1">
      <alignment vertical="center" wrapText="1"/>
    </xf>
    <xf numFmtId="37" fontId="5" fillId="0" borderId="0" xfId="2" applyFont="1" applyFill="1" applyBorder="1" applyAlignment="1">
      <alignment horizontal="center"/>
    </xf>
    <xf numFmtId="37" fontId="5" fillId="0" borderId="0" xfId="2" quotePrefix="1" applyFont="1" applyFill="1" applyBorder="1" applyAlignment="1">
      <alignment horizontal="center"/>
    </xf>
    <xf numFmtId="37" fontId="5" fillId="0" borderId="11" xfId="2" applyFont="1" applyFill="1" applyBorder="1" applyAlignment="1">
      <alignment horizontal="center"/>
    </xf>
    <xf numFmtId="38" fontId="8" fillId="0" borderId="64" xfId="1" applyFont="1" applyFill="1" applyBorder="1"/>
    <xf numFmtId="37" fontId="5" fillId="0" borderId="12" xfId="2" applyFont="1" applyFill="1" applyBorder="1" applyAlignment="1">
      <alignment horizontal="center" vertical="center" wrapText="1"/>
    </xf>
    <xf numFmtId="37" fontId="5" fillId="0" borderId="0" xfId="2" applyFont="1" applyFill="1" applyBorder="1" applyAlignment="1">
      <alignment horizontal="left"/>
    </xf>
    <xf numFmtId="37" fontId="5" fillId="0" borderId="36" xfId="2" applyFont="1" applyFill="1" applyBorder="1"/>
    <xf numFmtId="38" fontId="8" fillId="0" borderId="37" xfId="1" applyFont="1" applyFill="1" applyBorder="1"/>
    <xf numFmtId="37" fontId="5" fillId="0" borderId="12" xfId="2" applyFont="1" applyBorder="1" applyAlignment="1">
      <alignment horizontal="center" vertical="center" wrapText="1"/>
    </xf>
    <xf numFmtId="37" fontId="5" fillId="0" borderId="0" xfId="2" applyFont="1" applyBorder="1" applyAlignment="1">
      <alignment horizontal="left"/>
    </xf>
    <xf numFmtId="37" fontId="5" fillId="0" borderId="10" xfId="2" applyFont="1" applyFill="1" applyBorder="1" applyAlignment="1">
      <alignment horizontal="right"/>
    </xf>
    <xf numFmtId="37" fontId="5" fillId="0" borderId="63" xfId="2" quotePrefix="1" applyFont="1" applyFill="1" applyBorder="1" applyAlignment="1">
      <alignment horizontal="center" vertical="center"/>
    </xf>
    <xf numFmtId="37" fontId="5" fillId="0" borderId="63" xfId="2" applyFont="1" applyFill="1" applyBorder="1"/>
    <xf numFmtId="38" fontId="8" fillId="0" borderId="70" xfId="1" applyFont="1" applyBorder="1"/>
    <xf numFmtId="37" fontId="5" fillId="0" borderId="74" xfId="2" applyFont="1" applyBorder="1" applyAlignment="1">
      <alignment vertical="center" wrapText="1"/>
    </xf>
    <xf numFmtId="37" fontId="5" fillId="0" borderId="1" xfId="2" applyFont="1" applyBorder="1" applyAlignment="1">
      <alignment horizontal="center"/>
    </xf>
    <xf numFmtId="37" fontId="5" fillId="0" borderId="40" xfId="2" applyFont="1" applyBorder="1" applyAlignment="1">
      <alignment horizontal="center"/>
    </xf>
    <xf numFmtId="37" fontId="5" fillId="0" borderId="39" xfId="2" applyFont="1" applyFill="1" applyBorder="1"/>
    <xf numFmtId="37" fontId="5" fillId="0" borderId="43" xfId="2" quotePrefix="1" applyFont="1" applyFill="1" applyBorder="1" applyAlignment="1">
      <alignment horizontal="center"/>
    </xf>
    <xf numFmtId="38" fontId="8" fillId="0" borderId="76" xfId="1" applyFont="1" applyBorder="1"/>
    <xf numFmtId="37" fontId="9" fillId="0" borderId="0" xfId="2" applyFont="1"/>
    <xf numFmtId="37" fontId="8" fillId="0" borderId="0" xfId="3" applyFont="1"/>
    <xf numFmtId="37" fontId="5" fillId="0" borderId="3" xfId="2" applyFont="1" applyFill="1" applyBorder="1" applyAlignment="1" applyProtection="1">
      <alignment horizontal="center" vertical="center" shrinkToFit="1"/>
    </xf>
    <xf numFmtId="37" fontId="5" fillId="0" borderId="7" xfId="2" applyFont="1" applyFill="1" applyBorder="1" applyAlignment="1" applyProtection="1">
      <alignment horizontal="center" vertical="center" shrinkToFit="1"/>
    </xf>
    <xf numFmtId="37" fontId="5" fillId="0" borderId="13" xfId="2" applyFont="1" applyFill="1" applyBorder="1" applyAlignment="1" applyProtection="1">
      <alignment horizontal="center" vertical="center" shrinkToFit="1"/>
    </xf>
    <xf numFmtId="37" fontId="5" fillId="0" borderId="14" xfId="2" applyFont="1" applyFill="1" applyBorder="1" applyAlignment="1" applyProtection="1">
      <alignment horizontal="center" vertical="center" shrinkToFit="1"/>
    </xf>
    <xf numFmtId="37" fontId="5" fillId="0" borderId="8" xfId="2" applyFont="1" applyBorder="1" applyAlignment="1" applyProtection="1">
      <alignment horizontal="center" vertical="center"/>
    </xf>
    <xf numFmtId="37" fontId="5" fillId="0" borderId="15" xfId="2" applyFont="1" applyBorder="1" applyAlignment="1" applyProtection="1">
      <alignment horizontal="center" vertical="center"/>
    </xf>
    <xf numFmtId="37" fontId="5" fillId="0" borderId="28" xfId="2" applyFont="1" applyBorder="1" applyAlignment="1" applyProtection="1">
      <alignment horizontal="center" vertical="center"/>
    </xf>
    <xf numFmtId="37" fontId="5" fillId="0" borderId="9" xfId="2" applyFont="1" applyBorder="1" applyAlignment="1" applyProtection="1">
      <alignment horizontal="distributed" vertical="center" justifyLastLine="1"/>
    </xf>
    <xf numFmtId="37" fontId="5" fillId="0" borderId="17" xfId="2" applyFont="1" applyFill="1" applyBorder="1" applyAlignment="1" applyProtection="1">
      <alignment horizontal="center" vertical="center" wrapText="1"/>
    </xf>
    <xf numFmtId="37" fontId="5" fillId="0" borderId="26" xfId="2" applyFont="1" applyFill="1" applyBorder="1" applyAlignment="1" applyProtection="1">
      <alignment horizontal="center" vertical="center" wrapText="1"/>
    </xf>
    <xf numFmtId="37" fontId="5" fillId="0" borderId="18" xfId="2" applyFont="1" applyFill="1" applyBorder="1" applyAlignment="1" applyProtection="1">
      <alignment horizontal="center" vertical="center"/>
    </xf>
    <xf numFmtId="37" fontId="5" fillId="0" borderId="27" xfId="2" applyFont="1" applyFill="1" applyBorder="1" applyAlignment="1" applyProtection="1">
      <alignment horizontal="center" vertical="center"/>
    </xf>
    <xf numFmtId="37" fontId="5" fillId="0" borderId="22" xfId="2" applyFont="1" applyBorder="1" applyAlignment="1" applyProtection="1">
      <alignment horizontal="center" vertical="center"/>
    </xf>
    <xf numFmtId="0" fontId="7" fillId="0" borderId="23" xfId="0" applyFont="1" applyBorder="1" applyAlignment="1">
      <alignment horizontal="center" vertical="center"/>
    </xf>
    <xf numFmtId="37" fontId="5" fillId="0" borderId="24" xfId="2" applyFont="1" applyBorder="1" applyAlignment="1" applyProtection="1">
      <alignment horizontal="center" vertical="center"/>
    </xf>
    <xf numFmtId="0" fontId="7" fillId="0" borderId="25" xfId="0" applyFont="1" applyBorder="1" applyAlignment="1">
      <alignment horizontal="center" vertical="center"/>
    </xf>
    <xf numFmtId="37" fontId="5" fillId="0" borderId="3" xfId="2" applyFont="1" applyBorder="1" applyAlignment="1" applyProtection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37" fontId="5" fillId="0" borderId="10" xfId="2" applyFont="1" applyBorder="1" applyAlignment="1" applyProtection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37" fontId="5" fillId="0" borderId="20" xfId="2" applyFont="1" applyBorder="1" applyAlignment="1" applyProtection="1">
      <alignment horizontal="center" vertical="center" wrapText="1"/>
    </xf>
    <xf numFmtId="0" fontId="7" fillId="0" borderId="21" xfId="0" applyFont="1" applyBorder="1" applyAlignment="1">
      <alignment horizontal="center" vertical="center" wrapText="1"/>
    </xf>
    <xf numFmtId="37" fontId="5" fillId="0" borderId="5" xfId="2" applyFont="1" applyBorder="1" applyAlignment="1" applyProtection="1">
      <alignment horizontal="center" vertical="center" wrapText="1"/>
    </xf>
    <xf numFmtId="37" fontId="5" fillId="0" borderId="12" xfId="2" applyFont="1" applyBorder="1" applyAlignment="1" applyProtection="1">
      <alignment horizontal="center" vertical="center" wrapText="1"/>
    </xf>
    <xf numFmtId="37" fontId="5" fillId="0" borderId="6" xfId="2" applyFont="1" applyBorder="1" applyAlignment="1" applyProtection="1">
      <alignment horizontal="center" vertical="center" wrapText="1"/>
    </xf>
    <xf numFmtId="37" fontId="5" fillId="0" borderId="4" xfId="2" applyFont="1" applyBorder="1" applyAlignment="1" applyProtection="1">
      <alignment horizontal="center" vertical="center" wrapText="1"/>
    </xf>
    <xf numFmtId="37" fontId="5" fillId="0" borderId="0" xfId="2" applyFont="1" applyBorder="1" applyAlignment="1" applyProtection="1">
      <alignment horizontal="center" vertical="center" wrapText="1"/>
    </xf>
    <xf numFmtId="37" fontId="5" fillId="0" borderId="11" xfId="2" applyFont="1" applyBorder="1" applyAlignment="1" applyProtection="1">
      <alignment horizontal="center" vertical="center" wrapText="1"/>
    </xf>
    <xf numFmtId="37" fontId="5" fillId="0" borderId="21" xfId="2" applyFont="1" applyBorder="1" applyAlignment="1" applyProtection="1">
      <alignment horizontal="center" vertical="center" wrapText="1"/>
    </xf>
    <xf numFmtId="37" fontId="5" fillId="0" borderId="26" xfId="2" applyFont="1" applyBorder="1" applyAlignment="1" applyProtection="1">
      <alignment horizontal="center" vertical="center" wrapText="1"/>
    </xf>
    <xf numFmtId="37" fontId="5" fillId="0" borderId="32" xfId="2" applyFont="1" applyFill="1" applyBorder="1" applyAlignment="1" applyProtection="1">
      <alignment horizontal="center" vertical="center"/>
    </xf>
    <xf numFmtId="0" fontId="7" fillId="0" borderId="35" xfId="0" applyFont="1" applyBorder="1" applyAlignment="1">
      <alignment horizontal="center" vertical="center"/>
    </xf>
    <xf numFmtId="37" fontId="5" fillId="0" borderId="32" xfId="2" applyFont="1" applyFill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37" fontId="5" fillId="0" borderId="34" xfId="2" applyFont="1" applyFill="1" applyBorder="1" applyAlignment="1">
      <alignment horizontal="center" vertical="center"/>
    </xf>
    <xf numFmtId="37" fontId="5" fillId="0" borderId="30" xfId="2" applyFont="1" applyBorder="1" applyAlignment="1" applyProtection="1">
      <alignment horizontal="center" vertical="center"/>
    </xf>
    <xf numFmtId="0" fontId="7" fillId="0" borderId="31" xfId="0" applyFont="1" applyBorder="1" applyAlignment="1">
      <alignment horizontal="center" vertical="center"/>
    </xf>
    <xf numFmtId="37" fontId="5" fillId="0" borderId="32" xfId="2" applyFont="1" applyBorder="1" applyAlignment="1">
      <alignment horizontal="center" vertical="center"/>
    </xf>
    <xf numFmtId="37" fontId="5" fillId="0" borderId="34" xfId="2" applyFont="1" applyBorder="1" applyAlignment="1">
      <alignment horizontal="center" vertical="center"/>
    </xf>
    <xf numFmtId="0" fontId="7" fillId="0" borderId="33" xfId="0" applyFont="1" applyFill="1" applyBorder="1" applyAlignment="1">
      <alignment horizontal="center" vertical="center"/>
    </xf>
    <xf numFmtId="0" fontId="7" fillId="0" borderId="35" xfId="0" applyFont="1" applyFill="1" applyBorder="1" applyAlignment="1">
      <alignment horizontal="center" vertical="center"/>
    </xf>
    <xf numFmtId="37" fontId="5" fillId="0" borderId="35" xfId="2" applyFont="1" applyFill="1" applyBorder="1" applyAlignment="1" applyProtection="1">
      <alignment horizontal="center" vertical="center"/>
    </xf>
    <xf numFmtId="37" fontId="5" fillId="0" borderId="33" xfId="2" applyFont="1" applyFill="1" applyBorder="1" applyAlignment="1">
      <alignment horizontal="center" vertical="center"/>
    </xf>
    <xf numFmtId="37" fontId="5" fillId="0" borderId="35" xfId="2" applyFont="1" applyFill="1" applyBorder="1" applyAlignment="1">
      <alignment horizontal="center" vertical="center"/>
    </xf>
    <xf numFmtId="37" fontId="5" fillId="0" borderId="39" xfId="2" applyFont="1" applyBorder="1" applyAlignment="1" applyProtection="1">
      <alignment horizontal="center" vertical="center"/>
    </xf>
    <xf numFmtId="0" fontId="7" fillId="0" borderId="40" xfId="0" applyFont="1" applyBorder="1" applyAlignment="1">
      <alignment horizontal="center" vertical="center"/>
    </xf>
    <xf numFmtId="37" fontId="5" fillId="0" borderId="39" xfId="2" applyFont="1" applyFill="1" applyBorder="1" applyAlignment="1">
      <alignment horizontal="center" vertical="center"/>
    </xf>
    <xf numFmtId="0" fontId="7" fillId="0" borderId="41" xfId="0" applyFont="1" applyBorder="1" applyAlignment="1">
      <alignment horizontal="center" vertical="center"/>
    </xf>
    <xf numFmtId="37" fontId="5" fillId="0" borderId="42" xfId="2" applyFont="1" applyFill="1" applyBorder="1" applyAlignment="1">
      <alignment horizontal="center" vertical="center"/>
    </xf>
    <xf numFmtId="37" fontId="5" fillId="0" borderId="30" xfId="2" applyFont="1" applyBorder="1" applyAlignment="1">
      <alignment horizontal="center" vertical="center"/>
    </xf>
    <xf numFmtId="0" fontId="7" fillId="0" borderId="46" xfId="0" applyFont="1" applyBorder="1" applyAlignment="1">
      <alignment horizontal="center" vertical="center"/>
    </xf>
    <xf numFmtId="37" fontId="5" fillId="0" borderId="47" xfId="2" applyFont="1" applyFill="1" applyBorder="1" applyAlignment="1">
      <alignment horizontal="center" vertical="center"/>
    </xf>
    <xf numFmtId="37" fontId="5" fillId="0" borderId="32" xfId="2" applyFont="1" applyBorder="1" applyAlignment="1" applyProtection="1">
      <alignment horizontal="center" vertical="center"/>
    </xf>
    <xf numFmtId="37" fontId="5" fillId="0" borderId="35" xfId="2" applyFont="1" applyBorder="1" applyAlignment="1" applyProtection="1">
      <alignment horizontal="center" vertical="center"/>
    </xf>
    <xf numFmtId="37" fontId="5" fillId="0" borderId="35" xfId="2" applyFont="1" applyBorder="1" applyAlignment="1">
      <alignment horizontal="center" vertical="center"/>
    </xf>
    <xf numFmtId="37" fontId="5" fillId="0" borderId="56" xfId="2" applyFont="1" applyBorder="1" applyAlignment="1" applyProtection="1">
      <alignment horizontal="distributed" vertical="center" justifyLastLine="1"/>
    </xf>
    <xf numFmtId="37" fontId="5" fillId="0" borderId="65" xfId="2" applyFont="1" applyBorder="1" applyAlignment="1" applyProtection="1">
      <alignment horizontal="distributed" vertical="center" justifyLastLine="1"/>
    </xf>
    <xf numFmtId="37" fontId="5" fillId="0" borderId="57" xfId="2" applyFont="1" applyBorder="1" applyAlignment="1" applyProtection="1">
      <alignment horizontal="center" vertical="center"/>
    </xf>
    <xf numFmtId="0" fontId="7" fillId="0" borderId="66" xfId="0" applyFont="1" applyBorder="1" applyAlignment="1">
      <alignment horizontal="center" vertical="center"/>
    </xf>
    <xf numFmtId="37" fontId="5" fillId="0" borderId="58" xfId="2" applyFont="1" applyBorder="1" applyAlignment="1" applyProtection="1">
      <alignment horizontal="center" vertical="center"/>
    </xf>
    <xf numFmtId="0" fontId="7" fillId="0" borderId="67" xfId="0" applyFont="1" applyBorder="1" applyAlignment="1">
      <alignment horizontal="center" vertical="center"/>
    </xf>
    <xf numFmtId="37" fontId="5" fillId="0" borderId="60" xfId="2" applyFont="1" applyBorder="1" applyAlignment="1" applyProtection="1">
      <alignment horizontal="center" vertical="center"/>
    </xf>
    <xf numFmtId="0" fontId="7" fillId="0" borderId="68" xfId="0" applyFont="1" applyBorder="1" applyAlignment="1">
      <alignment horizontal="center" vertical="center"/>
    </xf>
    <xf numFmtId="37" fontId="5" fillId="0" borderId="67" xfId="2" applyFont="1" applyFill="1" applyBorder="1" applyAlignment="1" applyProtection="1">
      <alignment horizontal="center" vertical="center"/>
    </xf>
    <xf numFmtId="0" fontId="7" fillId="0" borderId="67" xfId="0" applyFont="1" applyFill="1" applyBorder="1" applyAlignment="1">
      <alignment horizontal="center" vertical="center"/>
    </xf>
    <xf numFmtId="37" fontId="5" fillId="0" borderId="69" xfId="2" applyFont="1" applyBorder="1" applyAlignment="1" applyProtection="1">
      <alignment horizontal="distributed" vertical="center" justifyLastLine="1"/>
    </xf>
    <xf numFmtId="37" fontId="5" fillId="0" borderId="66" xfId="2" applyFont="1" applyBorder="1" applyAlignment="1" applyProtection="1">
      <alignment horizontal="center" vertical="center"/>
    </xf>
    <xf numFmtId="37" fontId="5" fillId="0" borderId="67" xfId="2" applyFont="1" applyBorder="1" applyAlignment="1" applyProtection="1">
      <alignment horizontal="center" vertical="center"/>
    </xf>
    <xf numFmtId="37" fontId="5" fillId="0" borderId="68" xfId="2" applyFont="1" applyBorder="1" applyAlignment="1" applyProtection="1">
      <alignment horizontal="center" vertical="center"/>
    </xf>
    <xf numFmtId="37" fontId="5" fillId="0" borderId="69" xfId="2" applyFont="1" applyFill="1" applyBorder="1" applyAlignment="1" applyProtection="1">
      <alignment horizontal="distributed" vertical="center" justifyLastLine="1"/>
    </xf>
    <xf numFmtId="37" fontId="5" fillId="0" borderId="65" xfId="2" applyFont="1" applyFill="1" applyBorder="1" applyAlignment="1" applyProtection="1">
      <alignment horizontal="distributed" vertical="center" justifyLastLine="1"/>
    </xf>
    <xf numFmtId="37" fontId="5" fillId="0" borderId="66" xfId="2" applyFont="1" applyFill="1" applyBorder="1" applyAlignment="1" applyProtection="1">
      <alignment horizontal="center" vertical="center"/>
    </xf>
    <xf numFmtId="0" fontId="7" fillId="0" borderId="66" xfId="0" applyFont="1" applyFill="1" applyBorder="1" applyAlignment="1">
      <alignment horizontal="center" vertical="center"/>
    </xf>
    <xf numFmtId="37" fontId="5" fillId="0" borderId="68" xfId="2" applyFont="1" applyFill="1" applyBorder="1" applyAlignment="1" applyProtection="1">
      <alignment horizontal="center" vertical="center"/>
    </xf>
    <xf numFmtId="0" fontId="7" fillId="0" borderId="68" xfId="0" applyFont="1" applyFill="1" applyBorder="1" applyAlignment="1">
      <alignment horizontal="center" vertical="center"/>
    </xf>
    <xf numFmtId="0" fontId="7" fillId="0" borderId="73" xfId="0" applyFont="1" applyBorder="1" applyAlignment="1">
      <alignment horizontal="center" vertical="center"/>
    </xf>
    <xf numFmtId="37" fontId="5" fillId="0" borderId="6" xfId="2" applyFont="1" applyBorder="1" applyAlignment="1">
      <alignment horizontal="right" vertical="top"/>
    </xf>
    <xf numFmtId="37" fontId="5" fillId="0" borderId="0" xfId="2" applyFont="1" applyAlignment="1">
      <alignment horizontal="right" vertical="top"/>
    </xf>
    <xf numFmtId="37" fontId="5" fillId="0" borderId="71" xfId="2" applyFont="1" applyBorder="1" applyAlignment="1" applyProtection="1">
      <alignment horizontal="distributed" vertical="center" justifyLastLine="1"/>
    </xf>
    <xf numFmtId="0" fontId="7" fillId="0" borderId="72" xfId="0" applyFont="1" applyBorder="1" applyAlignment="1">
      <alignment horizontal="center" vertical="center"/>
    </xf>
    <xf numFmtId="0" fontId="7" fillId="0" borderId="75" xfId="0" applyFont="1" applyBorder="1" applyAlignment="1">
      <alignment horizontal="center" vertical="center"/>
    </xf>
  </cellXfs>
  <cellStyles count="4">
    <cellStyle name="桁区切り" xfId="1" builtinId="6"/>
    <cellStyle name="標準" xfId="0" builtinId="0"/>
    <cellStyle name="標準_事04統15" xfId="2"/>
    <cellStyle name="標準_単独集計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F25" transitionEvaluation="1"/>
  <dimension ref="A1:O60"/>
  <sheetViews>
    <sheetView tabSelected="1" view="pageBreakPreview" topLeftCell="F25" zoomScaleNormal="75" workbookViewId="0">
      <selection activeCell="N33" sqref="N33"/>
    </sheetView>
  </sheetViews>
  <sheetFormatPr defaultColWidth="14.125" defaultRowHeight="11.25" x14ac:dyDescent="0.15"/>
  <cols>
    <col min="1" max="1" width="10.625" style="5" customWidth="1"/>
    <col min="2" max="3" width="4.625" style="5" customWidth="1"/>
    <col min="4" max="4" width="8.625" style="5" customWidth="1"/>
    <col min="5" max="8" width="4.625" style="5" customWidth="1"/>
    <col min="9" max="10" width="8.125" style="5" customWidth="1"/>
    <col min="11" max="11" width="8.625" style="5" customWidth="1"/>
    <col min="12" max="13" width="7.625" style="5" customWidth="1"/>
    <col min="14" max="14" width="98.625" style="5" customWidth="1"/>
    <col min="15" max="16384" width="14.125" style="5"/>
  </cols>
  <sheetData>
    <row r="1" spans="1:15" ht="15" customHeight="1" x14ac:dyDescent="0.15">
      <c r="A1" s="1" t="s">
        <v>0</v>
      </c>
      <c r="B1" s="2"/>
      <c r="C1" s="2"/>
      <c r="D1" s="2"/>
      <c r="E1" s="3"/>
      <c r="F1" s="3"/>
      <c r="G1" s="3"/>
      <c r="H1" s="3"/>
      <c r="I1" s="3"/>
      <c r="J1" s="3"/>
      <c r="K1" s="3"/>
      <c r="L1" s="3"/>
      <c r="M1" s="3"/>
      <c r="N1" s="3"/>
      <c r="O1" s="4"/>
    </row>
    <row r="2" spans="1:15" ht="4.5" customHeight="1" thickBot="1" x14ac:dyDescent="0.2">
      <c r="A2" s="6"/>
      <c r="B2" s="7"/>
      <c r="C2" s="7"/>
      <c r="D2" s="7"/>
      <c r="E2" s="6"/>
      <c r="F2" s="6"/>
      <c r="G2" s="6"/>
      <c r="H2" s="6"/>
      <c r="I2" s="8"/>
      <c r="J2" s="6"/>
      <c r="K2" s="6"/>
      <c r="L2" s="6"/>
      <c r="M2" s="6"/>
      <c r="N2" s="6"/>
    </row>
    <row r="3" spans="1:15" ht="15.75" customHeight="1" x14ac:dyDescent="0.15">
      <c r="A3" s="9"/>
      <c r="B3" s="109" t="s">
        <v>1</v>
      </c>
      <c r="C3" s="110"/>
      <c r="D3" s="115" t="s">
        <v>2</v>
      </c>
      <c r="E3" s="109" t="s">
        <v>3</v>
      </c>
      <c r="F3" s="117"/>
      <c r="G3" s="117"/>
      <c r="H3" s="118"/>
      <c r="I3" s="115" t="s">
        <v>4</v>
      </c>
      <c r="J3" s="115" t="s">
        <v>5</v>
      </c>
      <c r="K3" s="115" t="s">
        <v>6</v>
      </c>
      <c r="L3" s="93" t="s">
        <v>7</v>
      </c>
      <c r="M3" s="94"/>
      <c r="N3" s="97" t="s">
        <v>8</v>
      </c>
    </row>
    <row r="4" spans="1:15" ht="9" customHeight="1" x14ac:dyDescent="0.15">
      <c r="A4" s="100" t="s">
        <v>9</v>
      </c>
      <c r="B4" s="111"/>
      <c r="C4" s="112"/>
      <c r="D4" s="116"/>
      <c r="E4" s="111"/>
      <c r="F4" s="119"/>
      <c r="G4" s="119"/>
      <c r="H4" s="120"/>
      <c r="I4" s="116"/>
      <c r="J4" s="116"/>
      <c r="K4" s="116"/>
      <c r="L4" s="95"/>
      <c r="M4" s="96"/>
      <c r="N4" s="98"/>
    </row>
    <row r="5" spans="1:15" x14ac:dyDescent="0.15">
      <c r="A5" s="100"/>
      <c r="B5" s="111"/>
      <c r="C5" s="112"/>
      <c r="D5" s="116"/>
      <c r="E5" s="10" t="s">
        <v>10</v>
      </c>
      <c r="F5" s="11"/>
      <c r="G5" s="11"/>
      <c r="H5" s="12"/>
      <c r="I5" s="116"/>
      <c r="J5" s="116"/>
      <c r="K5" s="116"/>
      <c r="L5" s="101" t="s">
        <v>11</v>
      </c>
      <c r="M5" s="103" t="s">
        <v>12</v>
      </c>
      <c r="N5" s="98"/>
    </row>
    <row r="6" spans="1:15" ht="12" customHeight="1" thickBot="1" x14ac:dyDescent="0.2">
      <c r="A6" s="13"/>
      <c r="B6" s="113"/>
      <c r="C6" s="114"/>
      <c r="D6" s="14" t="s">
        <v>13</v>
      </c>
      <c r="E6" s="105" t="s">
        <v>14</v>
      </c>
      <c r="F6" s="106"/>
      <c r="G6" s="107" t="s">
        <v>15</v>
      </c>
      <c r="H6" s="108"/>
      <c r="I6" s="121"/>
      <c r="J6" s="122"/>
      <c r="K6" s="14" t="s">
        <v>16</v>
      </c>
      <c r="L6" s="102"/>
      <c r="M6" s="104"/>
      <c r="N6" s="99"/>
    </row>
    <row r="7" spans="1:15" ht="18" customHeight="1" thickTop="1" x14ac:dyDescent="0.15">
      <c r="A7" s="15" t="s">
        <v>17</v>
      </c>
      <c r="B7" s="128" t="s">
        <v>18</v>
      </c>
      <c r="C7" s="129"/>
      <c r="D7" s="16" t="s">
        <v>19</v>
      </c>
      <c r="E7" s="130" t="s">
        <v>18</v>
      </c>
      <c r="F7" s="126"/>
      <c r="G7" s="131" t="s">
        <v>18</v>
      </c>
      <c r="H7" s="124"/>
      <c r="I7" s="17" t="s">
        <v>19</v>
      </c>
      <c r="J7" s="16" t="s">
        <v>20</v>
      </c>
      <c r="K7" s="16" t="s">
        <v>21</v>
      </c>
      <c r="L7" s="18">
        <v>420</v>
      </c>
      <c r="M7" s="19">
        <v>50</v>
      </c>
      <c r="N7" s="20" t="s">
        <v>22</v>
      </c>
    </row>
    <row r="8" spans="1:15" s="24" customFormat="1" ht="26.25" customHeight="1" x14ac:dyDescent="0.15">
      <c r="A8" s="21" t="s">
        <v>23</v>
      </c>
      <c r="B8" s="123" t="s">
        <v>18</v>
      </c>
      <c r="C8" s="124"/>
      <c r="D8" s="22" t="s">
        <v>20</v>
      </c>
      <c r="E8" s="125" t="s">
        <v>24</v>
      </c>
      <c r="F8" s="132"/>
      <c r="G8" s="127" t="s">
        <v>24</v>
      </c>
      <c r="H8" s="133"/>
      <c r="I8" s="17" t="s">
        <v>19</v>
      </c>
      <c r="J8" s="16" t="s">
        <v>25</v>
      </c>
      <c r="K8" s="22" t="s">
        <v>21</v>
      </c>
      <c r="L8" s="18">
        <v>420</v>
      </c>
      <c r="M8" s="19">
        <v>50</v>
      </c>
      <c r="N8" s="23" t="s">
        <v>26</v>
      </c>
    </row>
    <row r="9" spans="1:15" s="24" customFormat="1" ht="25.5" customHeight="1" x14ac:dyDescent="0.15">
      <c r="A9" s="21" t="s">
        <v>27</v>
      </c>
      <c r="B9" s="123" t="s">
        <v>18</v>
      </c>
      <c r="C9" s="124"/>
      <c r="D9" s="22" t="s">
        <v>20</v>
      </c>
      <c r="E9" s="125" t="s">
        <v>18</v>
      </c>
      <c r="F9" s="126"/>
      <c r="G9" s="127" t="s">
        <v>18</v>
      </c>
      <c r="H9" s="124"/>
      <c r="I9" s="17" t="s">
        <v>25</v>
      </c>
      <c r="J9" s="16" t="s">
        <v>28</v>
      </c>
      <c r="K9" s="22" t="s">
        <v>21</v>
      </c>
      <c r="L9" s="18">
        <v>420</v>
      </c>
      <c r="M9" s="19">
        <v>50</v>
      </c>
      <c r="N9" s="23" t="s">
        <v>29</v>
      </c>
    </row>
    <row r="10" spans="1:15" s="24" customFormat="1" ht="18" customHeight="1" x14ac:dyDescent="0.15">
      <c r="A10" s="21" t="s">
        <v>30</v>
      </c>
      <c r="B10" s="123" t="s">
        <v>18</v>
      </c>
      <c r="C10" s="124"/>
      <c r="D10" s="22" t="s">
        <v>19</v>
      </c>
      <c r="E10" s="125" t="s">
        <v>18</v>
      </c>
      <c r="F10" s="126"/>
      <c r="G10" s="127" t="s">
        <v>18</v>
      </c>
      <c r="H10" s="124"/>
      <c r="I10" s="17" t="s">
        <v>19</v>
      </c>
      <c r="J10" s="22" t="s">
        <v>20</v>
      </c>
      <c r="K10" s="22" t="s">
        <v>21</v>
      </c>
      <c r="L10" s="25">
        <v>420</v>
      </c>
      <c r="M10" s="19">
        <v>50</v>
      </c>
      <c r="N10" s="23" t="s">
        <v>31</v>
      </c>
    </row>
    <row r="11" spans="1:15" s="24" customFormat="1" ht="26.25" customHeight="1" x14ac:dyDescent="0.15">
      <c r="A11" s="21" t="s">
        <v>32</v>
      </c>
      <c r="B11" s="123" t="s">
        <v>18</v>
      </c>
      <c r="C11" s="134"/>
      <c r="D11" s="22" t="s">
        <v>20</v>
      </c>
      <c r="E11" s="125" t="s">
        <v>18</v>
      </c>
      <c r="F11" s="135"/>
      <c r="G11" s="127" t="s">
        <v>18</v>
      </c>
      <c r="H11" s="136"/>
      <c r="I11" s="17" t="s">
        <v>19</v>
      </c>
      <c r="J11" s="26" t="s">
        <v>25</v>
      </c>
      <c r="K11" s="22" t="s">
        <v>21</v>
      </c>
      <c r="L11" s="18">
        <v>420</v>
      </c>
      <c r="M11" s="19">
        <v>50</v>
      </c>
      <c r="N11" s="23" t="s">
        <v>33</v>
      </c>
    </row>
    <row r="12" spans="1:15" s="24" customFormat="1" ht="26.25" customHeight="1" x14ac:dyDescent="0.15">
      <c r="A12" s="21" t="s">
        <v>34</v>
      </c>
      <c r="B12" s="123" t="s">
        <v>18</v>
      </c>
      <c r="C12" s="133"/>
      <c r="D12" s="22" t="s">
        <v>20</v>
      </c>
      <c r="E12" s="125" t="s">
        <v>18</v>
      </c>
      <c r="F12" s="132"/>
      <c r="G12" s="127" t="s">
        <v>18</v>
      </c>
      <c r="H12" s="133"/>
      <c r="I12" s="17" t="s">
        <v>19</v>
      </c>
      <c r="J12" s="26" t="s">
        <v>25</v>
      </c>
      <c r="K12" s="22" t="s">
        <v>21</v>
      </c>
      <c r="L12" s="18">
        <v>420</v>
      </c>
      <c r="M12" s="19">
        <v>50</v>
      </c>
      <c r="N12" s="23" t="s">
        <v>35</v>
      </c>
    </row>
    <row r="13" spans="1:15" ht="25.5" customHeight="1" x14ac:dyDescent="0.15">
      <c r="A13" s="15" t="s">
        <v>36</v>
      </c>
      <c r="B13" s="123" t="s">
        <v>18</v>
      </c>
      <c r="C13" s="124"/>
      <c r="D13" s="16" t="s">
        <v>20</v>
      </c>
      <c r="E13" s="130" t="s">
        <v>18</v>
      </c>
      <c r="F13" s="126"/>
      <c r="G13" s="131" t="s">
        <v>18</v>
      </c>
      <c r="H13" s="124"/>
      <c r="I13" s="17" t="s">
        <v>19</v>
      </c>
      <c r="J13" s="16" t="s">
        <v>25</v>
      </c>
      <c r="K13" s="22" t="s">
        <v>37</v>
      </c>
      <c r="L13" s="18">
        <v>420</v>
      </c>
      <c r="M13" s="19">
        <v>50</v>
      </c>
      <c r="N13" s="27" t="s">
        <v>38</v>
      </c>
    </row>
    <row r="14" spans="1:15" ht="18" customHeight="1" x14ac:dyDescent="0.15">
      <c r="A14" s="15" t="s">
        <v>39</v>
      </c>
      <c r="B14" s="123" t="s">
        <v>18</v>
      </c>
      <c r="C14" s="124"/>
      <c r="D14" s="22" t="s">
        <v>19</v>
      </c>
      <c r="E14" s="130" t="s">
        <v>18</v>
      </c>
      <c r="F14" s="126"/>
      <c r="G14" s="131" t="s">
        <v>18</v>
      </c>
      <c r="H14" s="124"/>
      <c r="I14" s="16" t="s">
        <v>20</v>
      </c>
      <c r="J14" s="16" t="s">
        <v>25</v>
      </c>
      <c r="K14" s="16" t="s">
        <v>21</v>
      </c>
      <c r="L14" s="18">
        <v>420</v>
      </c>
      <c r="M14" s="19">
        <v>50</v>
      </c>
      <c r="N14" s="27" t="s">
        <v>40</v>
      </c>
    </row>
    <row r="15" spans="1:15" ht="18" customHeight="1" x14ac:dyDescent="0.15">
      <c r="A15" s="15" t="s">
        <v>41</v>
      </c>
      <c r="B15" s="123" t="s">
        <v>18</v>
      </c>
      <c r="C15" s="124"/>
      <c r="D15" s="22" t="s">
        <v>19</v>
      </c>
      <c r="E15" s="125" t="s">
        <v>18</v>
      </c>
      <c r="F15" s="126"/>
      <c r="G15" s="127" t="s">
        <v>18</v>
      </c>
      <c r="H15" s="124"/>
      <c r="I15" s="17" t="s">
        <v>19</v>
      </c>
      <c r="J15" s="16" t="s">
        <v>20</v>
      </c>
      <c r="K15" s="16" t="s">
        <v>21</v>
      </c>
      <c r="L15" s="18">
        <v>420</v>
      </c>
      <c r="M15" s="19">
        <v>50</v>
      </c>
      <c r="N15" s="28" t="s">
        <v>42</v>
      </c>
    </row>
    <row r="16" spans="1:15" ht="18" customHeight="1" x14ac:dyDescent="0.15">
      <c r="A16" s="15" t="s">
        <v>43</v>
      </c>
      <c r="B16" s="123" t="s">
        <v>18</v>
      </c>
      <c r="C16" s="124"/>
      <c r="D16" s="16" t="s">
        <v>20</v>
      </c>
      <c r="E16" s="125" t="s">
        <v>18</v>
      </c>
      <c r="F16" s="126"/>
      <c r="G16" s="127" t="s">
        <v>18</v>
      </c>
      <c r="H16" s="124"/>
      <c r="I16" s="17" t="s">
        <v>19</v>
      </c>
      <c r="J16" s="26" t="s">
        <v>25</v>
      </c>
      <c r="K16" s="16" t="s">
        <v>21</v>
      </c>
      <c r="L16" s="18">
        <v>420</v>
      </c>
      <c r="M16" s="19">
        <v>50</v>
      </c>
      <c r="N16" s="29" t="s">
        <v>44</v>
      </c>
    </row>
    <row r="17" spans="1:14" ht="22.5" customHeight="1" x14ac:dyDescent="0.15">
      <c r="A17" s="15" t="s">
        <v>45</v>
      </c>
      <c r="B17" s="123" t="s">
        <v>18</v>
      </c>
      <c r="C17" s="124"/>
      <c r="D17" s="16" t="s">
        <v>20</v>
      </c>
      <c r="E17" s="125" t="s">
        <v>18</v>
      </c>
      <c r="F17" s="126"/>
      <c r="G17" s="127" t="s">
        <v>18</v>
      </c>
      <c r="H17" s="124"/>
      <c r="I17" s="17" t="s">
        <v>19</v>
      </c>
      <c r="J17" s="16" t="s">
        <v>25</v>
      </c>
      <c r="K17" s="16" t="s">
        <v>21</v>
      </c>
      <c r="L17" s="18">
        <v>420</v>
      </c>
      <c r="M17" s="19">
        <v>50</v>
      </c>
      <c r="N17" s="27" t="s">
        <v>46</v>
      </c>
    </row>
    <row r="18" spans="1:14" ht="18" customHeight="1" x14ac:dyDescent="0.15">
      <c r="A18" s="15" t="s">
        <v>47</v>
      </c>
      <c r="B18" s="123" t="s">
        <v>18</v>
      </c>
      <c r="C18" s="124"/>
      <c r="D18" s="30" t="s">
        <v>20</v>
      </c>
      <c r="E18" s="125" t="s">
        <v>18</v>
      </c>
      <c r="F18" s="126"/>
      <c r="G18" s="127" t="s">
        <v>18</v>
      </c>
      <c r="H18" s="124"/>
      <c r="I18" s="17" t="s">
        <v>19</v>
      </c>
      <c r="J18" s="26" t="s">
        <v>25</v>
      </c>
      <c r="K18" s="22" t="s">
        <v>21</v>
      </c>
      <c r="L18" s="18">
        <v>420</v>
      </c>
      <c r="M18" s="19">
        <v>50</v>
      </c>
      <c r="N18" s="27" t="s">
        <v>48</v>
      </c>
    </row>
    <row r="19" spans="1:14" s="24" customFormat="1" ht="18" customHeight="1" x14ac:dyDescent="0.15">
      <c r="A19" s="21" t="s">
        <v>49</v>
      </c>
      <c r="B19" s="123" t="s">
        <v>18</v>
      </c>
      <c r="C19" s="133"/>
      <c r="D19" s="22" t="s">
        <v>20</v>
      </c>
      <c r="E19" s="125" t="s">
        <v>18</v>
      </c>
      <c r="F19" s="132"/>
      <c r="G19" s="127" t="s">
        <v>18</v>
      </c>
      <c r="H19" s="133"/>
      <c r="I19" s="17" t="s">
        <v>19</v>
      </c>
      <c r="J19" s="26" t="s">
        <v>25</v>
      </c>
      <c r="K19" s="22" t="s">
        <v>21</v>
      </c>
      <c r="L19" s="18">
        <v>420</v>
      </c>
      <c r="M19" s="19">
        <v>50</v>
      </c>
      <c r="N19" s="31" t="s">
        <v>50</v>
      </c>
    </row>
    <row r="20" spans="1:14" ht="18" customHeight="1" x14ac:dyDescent="0.15">
      <c r="A20" s="15" t="s">
        <v>51</v>
      </c>
      <c r="B20" s="123" t="s">
        <v>18</v>
      </c>
      <c r="C20" s="124"/>
      <c r="D20" s="22" t="s">
        <v>19</v>
      </c>
      <c r="E20" s="125" t="s">
        <v>18</v>
      </c>
      <c r="F20" s="126"/>
      <c r="G20" s="127" t="s">
        <v>18</v>
      </c>
      <c r="H20" s="124"/>
      <c r="I20" s="17" t="s">
        <v>19</v>
      </c>
      <c r="J20" s="16" t="s">
        <v>20</v>
      </c>
      <c r="K20" s="22" t="s">
        <v>21</v>
      </c>
      <c r="L20" s="18">
        <v>420</v>
      </c>
      <c r="M20" s="19">
        <v>50</v>
      </c>
      <c r="N20" s="27" t="s">
        <v>52</v>
      </c>
    </row>
    <row r="21" spans="1:14" ht="24" customHeight="1" x14ac:dyDescent="0.15">
      <c r="A21" s="15" t="s">
        <v>53</v>
      </c>
      <c r="B21" s="123" t="s">
        <v>18</v>
      </c>
      <c r="C21" s="124"/>
      <c r="D21" s="22" t="s">
        <v>20</v>
      </c>
      <c r="E21" s="125" t="s">
        <v>18</v>
      </c>
      <c r="F21" s="126"/>
      <c r="G21" s="127" t="s">
        <v>18</v>
      </c>
      <c r="H21" s="124"/>
      <c r="I21" s="17" t="s">
        <v>25</v>
      </c>
      <c r="J21" s="26" t="s">
        <v>28</v>
      </c>
      <c r="K21" s="22" t="s">
        <v>21</v>
      </c>
      <c r="L21" s="18">
        <v>420</v>
      </c>
      <c r="M21" s="19">
        <v>50</v>
      </c>
      <c r="N21" s="27" t="s">
        <v>54</v>
      </c>
    </row>
    <row r="22" spans="1:14" s="24" customFormat="1" ht="18" customHeight="1" x14ac:dyDescent="0.15">
      <c r="A22" s="21" t="s">
        <v>55</v>
      </c>
      <c r="B22" s="123" t="s">
        <v>18</v>
      </c>
      <c r="C22" s="133"/>
      <c r="D22" s="22" t="s">
        <v>20</v>
      </c>
      <c r="E22" s="125" t="s">
        <v>18</v>
      </c>
      <c r="F22" s="132"/>
      <c r="G22" s="127" t="s">
        <v>18</v>
      </c>
      <c r="H22" s="133"/>
      <c r="I22" s="32" t="s">
        <v>20</v>
      </c>
      <c r="J22" s="26" t="s">
        <v>25</v>
      </c>
      <c r="K22" s="22" t="s">
        <v>21</v>
      </c>
      <c r="L22" s="18">
        <v>420</v>
      </c>
      <c r="M22" s="19">
        <v>50</v>
      </c>
      <c r="N22" s="23" t="s">
        <v>56</v>
      </c>
    </row>
    <row r="23" spans="1:14" ht="26.25" customHeight="1" x14ac:dyDescent="0.15">
      <c r="A23" s="15" t="s">
        <v>57</v>
      </c>
      <c r="B23" s="145" t="s">
        <v>18</v>
      </c>
      <c r="C23" s="124"/>
      <c r="D23" s="16" t="s">
        <v>20</v>
      </c>
      <c r="E23" s="125" t="s">
        <v>18</v>
      </c>
      <c r="F23" s="126"/>
      <c r="G23" s="127" t="s">
        <v>18</v>
      </c>
      <c r="H23" s="124"/>
      <c r="I23" s="17" t="s">
        <v>19</v>
      </c>
      <c r="J23" s="26" t="s">
        <v>25</v>
      </c>
      <c r="K23" s="22" t="s">
        <v>21</v>
      </c>
      <c r="L23" s="18">
        <v>420</v>
      </c>
      <c r="M23" s="19">
        <v>50</v>
      </c>
      <c r="N23" s="27" t="s">
        <v>58</v>
      </c>
    </row>
    <row r="24" spans="1:14" ht="24.75" customHeight="1" x14ac:dyDescent="0.15">
      <c r="A24" s="15" t="s">
        <v>59</v>
      </c>
      <c r="B24" s="145" t="s">
        <v>18</v>
      </c>
      <c r="C24" s="124"/>
      <c r="D24" s="22" t="s">
        <v>20</v>
      </c>
      <c r="E24" s="125" t="s">
        <v>18</v>
      </c>
      <c r="F24" s="135"/>
      <c r="G24" s="127" t="s">
        <v>18</v>
      </c>
      <c r="H24" s="136"/>
      <c r="I24" s="16" t="s">
        <v>19</v>
      </c>
      <c r="J24" s="16" t="s">
        <v>25</v>
      </c>
      <c r="K24" s="16" t="s">
        <v>21</v>
      </c>
      <c r="L24" s="18">
        <v>420</v>
      </c>
      <c r="M24" s="19">
        <v>50</v>
      </c>
      <c r="N24" s="29" t="s">
        <v>60</v>
      </c>
    </row>
    <row r="25" spans="1:14" ht="18" customHeight="1" thickBot="1" x14ac:dyDescent="0.2">
      <c r="A25" s="33" t="s">
        <v>61</v>
      </c>
      <c r="B25" s="137" t="s">
        <v>18</v>
      </c>
      <c r="C25" s="138"/>
      <c r="D25" s="34" t="s">
        <v>20</v>
      </c>
      <c r="E25" s="139" t="s">
        <v>18</v>
      </c>
      <c r="F25" s="140"/>
      <c r="G25" s="141" t="s">
        <v>18</v>
      </c>
      <c r="H25" s="138"/>
      <c r="I25" s="35" t="s">
        <v>19</v>
      </c>
      <c r="J25" s="35" t="s">
        <v>25</v>
      </c>
      <c r="K25" s="35" t="s">
        <v>21</v>
      </c>
      <c r="L25" s="36">
        <v>420</v>
      </c>
      <c r="M25" s="37">
        <v>50</v>
      </c>
      <c r="N25" s="38" t="s">
        <v>62</v>
      </c>
    </row>
    <row r="26" spans="1:14" ht="17.25" customHeight="1" thickTop="1" x14ac:dyDescent="0.15">
      <c r="A26" s="39" t="s">
        <v>63</v>
      </c>
      <c r="B26" s="128" t="s">
        <v>18</v>
      </c>
      <c r="C26" s="129"/>
      <c r="D26" s="40" t="s">
        <v>19</v>
      </c>
      <c r="E26" s="142" t="s">
        <v>18</v>
      </c>
      <c r="F26" s="143"/>
      <c r="G26" s="144" t="s">
        <v>18</v>
      </c>
      <c r="H26" s="129"/>
      <c r="I26" s="17" t="s">
        <v>64</v>
      </c>
      <c r="J26" s="26" t="s">
        <v>20</v>
      </c>
      <c r="K26" s="16" t="s">
        <v>21</v>
      </c>
      <c r="L26" s="18">
        <v>420</v>
      </c>
      <c r="M26" s="41">
        <v>50</v>
      </c>
      <c r="N26" s="27" t="s">
        <v>65</v>
      </c>
    </row>
    <row r="27" spans="1:14" ht="26.25" customHeight="1" x14ac:dyDescent="0.15">
      <c r="A27" s="15" t="s">
        <v>66</v>
      </c>
      <c r="B27" s="145" t="s">
        <v>18</v>
      </c>
      <c r="C27" s="124"/>
      <c r="D27" s="30" t="s">
        <v>20</v>
      </c>
      <c r="E27" s="130" t="s">
        <v>18</v>
      </c>
      <c r="F27" s="126"/>
      <c r="G27" s="131" t="s">
        <v>18</v>
      </c>
      <c r="H27" s="124"/>
      <c r="I27" s="17" t="s">
        <v>19</v>
      </c>
      <c r="J27" s="26" t="s">
        <v>25</v>
      </c>
      <c r="K27" s="22" t="s">
        <v>21</v>
      </c>
      <c r="L27" s="18">
        <v>420</v>
      </c>
      <c r="M27" s="19">
        <v>50</v>
      </c>
      <c r="N27" s="27" t="s">
        <v>67</v>
      </c>
    </row>
    <row r="28" spans="1:14" ht="22.5" customHeight="1" x14ac:dyDescent="0.15">
      <c r="A28" s="15" t="s">
        <v>68</v>
      </c>
      <c r="B28" s="145" t="s">
        <v>18</v>
      </c>
      <c r="C28" s="124"/>
      <c r="D28" s="30" t="s">
        <v>20</v>
      </c>
      <c r="E28" s="130" t="s">
        <v>18</v>
      </c>
      <c r="F28" s="126"/>
      <c r="G28" s="131" t="s">
        <v>18</v>
      </c>
      <c r="H28" s="124"/>
      <c r="I28" s="17" t="s">
        <v>19</v>
      </c>
      <c r="J28" s="26" t="s">
        <v>25</v>
      </c>
      <c r="K28" s="16" t="s">
        <v>21</v>
      </c>
      <c r="L28" s="18">
        <v>420</v>
      </c>
      <c r="M28" s="19">
        <v>50</v>
      </c>
      <c r="N28" s="27" t="s">
        <v>69</v>
      </c>
    </row>
    <row r="29" spans="1:14" ht="26.25" customHeight="1" x14ac:dyDescent="0.15">
      <c r="A29" s="15" t="s">
        <v>70</v>
      </c>
      <c r="B29" s="145" t="s">
        <v>18</v>
      </c>
      <c r="C29" s="124"/>
      <c r="D29" s="30" t="s">
        <v>20</v>
      </c>
      <c r="E29" s="130" t="s">
        <v>18</v>
      </c>
      <c r="F29" s="126"/>
      <c r="G29" s="127" t="s">
        <v>18</v>
      </c>
      <c r="H29" s="124"/>
      <c r="I29" s="17" t="s">
        <v>25</v>
      </c>
      <c r="J29" s="26" t="s">
        <v>28</v>
      </c>
      <c r="K29" s="16" t="s">
        <v>21</v>
      </c>
      <c r="L29" s="18">
        <v>420</v>
      </c>
      <c r="M29" s="19">
        <v>50</v>
      </c>
      <c r="N29" s="27" t="s">
        <v>71</v>
      </c>
    </row>
    <row r="30" spans="1:14" s="24" customFormat="1" ht="24" customHeight="1" x14ac:dyDescent="0.15">
      <c r="A30" s="21" t="s">
        <v>72</v>
      </c>
      <c r="B30" s="123" t="s">
        <v>18</v>
      </c>
      <c r="C30" s="133"/>
      <c r="D30" s="22" t="s">
        <v>20</v>
      </c>
      <c r="E30" s="125" t="s">
        <v>18</v>
      </c>
      <c r="F30" s="132"/>
      <c r="G30" s="127" t="s">
        <v>18</v>
      </c>
      <c r="H30" s="133"/>
      <c r="I30" s="17" t="s">
        <v>25</v>
      </c>
      <c r="J30" s="22" t="s">
        <v>28</v>
      </c>
      <c r="K30" s="22" t="s">
        <v>21</v>
      </c>
      <c r="L30" s="18">
        <v>420</v>
      </c>
      <c r="M30" s="19">
        <v>50</v>
      </c>
      <c r="N30" s="42" t="s">
        <v>73</v>
      </c>
    </row>
    <row r="31" spans="1:14" ht="17.25" customHeight="1" x14ac:dyDescent="0.15">
      <c r="A31" s="15" t="s">
        <v>74</v>
      </c>
      <c r="B31" s="145" t="s">
        <v>18</v>
      </c>
      <c r="C31" s="124"/>
      <c r="D31" s="22" t="s">
        <v>19</v>
      </c>
      <c r="E31" s="130" t="s">
        <v>18</v>
      </c>
      <c r="F31" s="126"/>
      <c r="G31" s="131" t="s">
        <v>18</v>
      </c>
      <c r="H31" s="124"/>
      <c r="I31" s="17" t="s">
        <v>19</v>
      </c>
      <c r="J31" s="16" t="s">
        <v>20</v>
      </c>
      <c r="K31" s="16" t="s">
        <v>21</v>
      </c>
      <c r="L31" s="18">
        <v>420</v>
      </c>
      <c r="M31" s="19">
        <v>50</v>
      </c>
      <c r="N31" s="20" t="s">
        <v>75</v>
      </c>
    </row>
    <row r="32" spans="1:14" ht="17.25" customHeight="1" x14ac:dyDescent="0.15">
      <c r="A32" s="15" t="s">
        <v>76</v>
      </c>
      <c r="B32" s="145" t="s">
        <v>18</v>
      </c>
      <c r="C32" s="124"/>
      <c r="D32" s="22" t="s">
        <v>20</v>
      </c>
      <c r="E32" s="130" t="s">
        <v>24</v>
      </c>
      <c r="F32" s="126"/>
      <c r="G32" s="131" t="s">
        <v>24</v>
      </c>
      <c r="H32" s="124"/>
      <c r="I32" s="17" t="s">
        <v>19</v>
      </c>
      <c r="J32" s="16" t="s">
        <v>25</v>
      </c>
      <c r="K32" s="16" t="s">
        <v>21</v>
      </c>
      <c r="L32" s="18">
        <v>420</v>
      </c>
      <c r="M32" s="19">
        <v>50</v>
      </c>
      <c r="N32" s="43" t="s">
        <v>77</v>
      </c>
    </row>
    <row r="33" spans="1:14" ht="17.25" customHeight="1" x14ac:dyDescent="0.15">
      <c r="A33" s="15" t="s">
        <v>78</v>
      </c>
      <c r="B33" s="145" t="s">
        <v>18</v>
      </c>
      <c r="C33" s="124"/>
      <c r="D33" s="16" t="s">
        <v>20</v>
      </c>
      <c r="E33" s="130" t="s">
        <v>18</v>
      </c>
      <c r="F33" s="126"/>
      <c r="G33" s="131" t="s">
        <v>18</v>
      </c>
      <c r="H33" s="124"/>
      <c r="I33" s="17" t="s">
        <v>25</v>
      </c>
      <c r="J33" s="16" t="s">
        <v>28</v>
      </c>
      <c r="K33" s="16" t="s">
        <v>21</v>
      </c>
      <c r="L33" s="18">
        <v>420</v>
      </c>
      <c r="M33" s="19">
        <v>50</v>
      </c>
      <c r="N33" s="46" t="s">
        <v>79</v>
      </c>
    </row>
    <row r="34" spans="1:14" ht="17.25" customHeight="1" x14ac:dyDescent="0.15">
      <c r="A34" s="15" t="s">
        <v>80</v>
      </c>
      <c r="B34" s="145" t="s">
        <v>18</v>
      </c>
      <c r="C34" s="124"/>
      <c r="D34" s="22" t="s">
        <v>20</v>
      </c>
      <c r="E34" s="130" t="s">
        <v>18</v>
      </c>
      <c r="F34" s="126"/>
      <c r="G34" s="131" t="s">
        <v>18</v>
      </c>
      <c r="H34" s="124"/>
      <c r="I34" s="17" t="s">
        <v>19</v>
      </c>
      <c r="J34" s="16" t="s">
        <v>25</v>
      </c>
      <c r="K34" s="16" t="s">
        <v>21</v>
      </c>
      <c r="L34" s="18">
        <v>420</v>
      </c>
      <c r="M34" s="19">
        <v>70</v>
      </c>
      <c r="N34" s="43" t="s">
        <v>81</v>
      </c>
    </row>
    <row r="35" spans="1:14" s="24" customFormat="1" ht="17.25" customHeight="1" x14ac:dyDescent="0.15">
      <c r="A35" s="21" t="s">
        <v>82</v>
      </c>
      <c r="B35" s="123" t="s">
        <v>18</v>
      </c>
      <c r="C35" s="133"/>
      <c r="D35" s="22" t="s">
        <v>20</v>
      </c>
      <c r="E35" s="130" t="s">
        <v>18</v>
      </c>
      <c r="F35" s="126"/>
      <c r="G35" s="127" t="s">
        <v>18</v>
      </c>
      <c r="H35" s="133"/>
      <c r="I35" s="17" t="s">
        <v>19</v>
      </c>
      <c r="J35" s="22" t="s">
        <v>25</v>
      </c>
      <c r="K35" s="22" t="s">
        <v>21</v>
      </c>
      <c r="L35" s="18">
        <v>420</v>
      </c>
      <c r="M35" s="19">
        <v>50</v>
      </c>
      <c r="N35" s="44" t="s">
        <v>83</v>
      </c>
    </row>
    <row r="36" spans="1:14" s="24" customFormat="1" ht="21" customHeight="1" x14ac:dyDescent="0.15">
      <c r="A36" s="21" t="s">
        <v>84</v>
      </c>
      <c r="B36" s="123" t="s">
        <v>18</v>
      </c>
      <c r="C36" s="133"/>
      <c r="D36" s="22" t="s">
        <v>19</v>
      </c>
      <c r="E36" s="130" t="s">
        <v>18</v>
      </c>
      <c r="F36" s="126"/>
      <c r="G36" s="127" t="s">
        <v>18</v>
      </c>
      <c r="H36" s="133"/>
      <c r="I36" s="17" t="s">
        <v>85</v>
      </c>
      <c r="J36" s="22" t="s">
        <v>25</v>
      </c>
      <c r="K36" s="22" t="s">
        <v>21</v>
      </c>
      <c r="L36" s="18">
        <v>420</v>
      </c>
      <c r="M36" s="19">
        <v>50</v>
      </c>
      <c r="N36" s="45" t="s">
        <v>86</v>
      </c>
    </row>
    <row r="37" spans="1:14" ht="24.75" customHeight="1" x14ac:dyDescent="0.15">
      <c r="A37" s="15" t="s">
        <v>87</v>
      </c>
      <c r="B37" s="145" t="s">
        <v>88</v>
      </c>
      <c r="C37" s="146"/>
      <c r="D37" s="22" t="s">
        <v>20</v>
      </c>
      <c r="E37" s="130" t="s">
        <v>18</v>
      </c>
      <c r="F37" s="126"/>
      <c r="G37" s="131" t="s">
        <v>18</v>
      </c>
      <c r="H37" s="147"/>
      <c r="I37" s="16" t="s">
        <v>25</v>
      </c>
      <c r="J37" s="16" t="s">
        <v>28</v>
      </c>
      <c r="K37" s="16" t="s">
        <v>21</v>
      </c>
      <c r="L37" s="18">
        <v>420</v>
      </c>
      <c r="M37" s="19">
        <v>50</v>
      </c>
      <c r="N37" s="46" t="s">
        <v>89</v>
      </c>
    </row>
    <row r="38" spans="1:14" ht="17.25" customHeight="1" x14ac:dyDescent="0.15">
      <c r="A38" s="15" t="s">
        <v>90</v>
      </c>
      <c r="B38" s="145" t="s">
        <v>18</v>
      </c>
      <c r="C38" s="124"/>
      <c r="D38" s="22" t="s">
        <v>20</v>
      </c>
      <c r="E38" s="130" t="s">
        <v>18</v>
      </c>
      <c r="F38" s="126"/>
      <c r="G38" s="131" t="s">
        <v>18</v>
      </c>
      <c r="H38" s="124"/>
      <c r="I38" s="17" t="s">
        <v>19</v>
      </c>
      <c r="J38" s="26" t="s">
        <v>25</v>
      </c>
      <c r="K38" s="16" t="s">
        <v>21</v>
      </c>
      <c r="L38" s="18">
        <v>420</v>
      </c>
      <c r="M38" s="19">
        <v>50</v>
      </c>
      <c r="N38" s="47" t="s">
        <v>91</v>
      </c>
    </row>
    <row r="39" spans="1:14" ht="17.25" customHeight="1" x14ac:dyDescent="0.15">
      <c r="A39" s="15" t="s">
        <v>92</v>
      </c>
      <c r="B39" s="145" t="s">
        <v>18</v>
      </c>
      <c r="C39" s="124"/>
      <c r="D39" s="22" t="s">
        <v>19</v>
      </c>
      <c r="E39" s="130" t="s">
        <v>18</v>
      </c>
      <c r="F39" s="126"/>
      <c r="G39" s="131" t="s">
        <v>18</v>
      </c>
      <c r="H39" s="124"/>
      <c r="I39" s="17" t="s">
        <v>19</v>
      </c>
      <c r="J39" s="16" t="s">
        <v>20</v>
      </c>
      <c r="K39" s="16" t="s">
        <v>21</v>
      </c>
      <c r="L39" s="18">
        <v>420</v>
      </c>
      <c r="M39" s="19">
        <v>50</v>
      </c>
      <c r="N39" s="47" t="s">
        <v>93</v>
      </c>
    </row>
    <row r="40" spans="1:14" ht="15.75" customHeight="1" thickBot="1" x14ac:dyDescent="0.2">
      <c r="A40" s="48"/>
      <c r="B40" s="49" t="s">
        <v>94</v>
      </c>
      <c r="C40" s="50" t="s">
        <v>95</v>
      </c>
      <c r="D40" s="51"/>
      <c r="E40" s="49" t="s">
        <v>94</v>
      </c>
      <c r="F40" s="52" t="s">
        <v>95</v>
      </c>
      <c r="G40" s="52" t="s">
        <v>94</v>
      </c>
      <c r="H40" s="50" t="s">
        <v>95</v>
      </c>
      <c r="I40" s="51"/>
      <c r="J40" s="51"/>
      <c r="K40" s="53"/>
      <c r="L40" s="54"/>
      <c r="M40" s="55"/>
      <c r="N40" s="56" t="s">
        <v>96</v>
      </c>
    </row>
    <row r="41" spans="1:14" ht="12" customHeight="1" thickTop="1" x14ac:dyDescent="0.15">
      <c r="A41" s="148" t="s">
        <v>97</v>
      </c>
      <c r="B41" s="150" t="s">
        <v>98</v>
      </c>
      <c r="C41" s="152" t="s">
        <v>18</v>
      </c>
      <c r="D41" s="57"/>
      <c r="E41" s="150" t="s">
        <v>98</v>
      </c>
      <c r="F41" s="154" t="s">
        <v>18</v>
      </c>
      <c r="G41" s="154" t="s">
        <v>98</v>
      </c>
      <c r="H41" s="152" t="s">
        <v>18</v>
      </c>
      <c r="I41" s="58"/>
      <c r="J41" s="59"/>
      <c r="K41" s="60"/>
      <c r="L41" s="61">
        <v>420</v>
      </c>
      <c r="M41" s="62" t="s">
        <v>99</v>
      </c>
      <c r="N41" s="63" t="s">
        <v>100</v>
      </c>
    </row>
    <row r="42" spans="1:14" ht="12" customHeight="1" x14ac:dyDescent="0.15">
      <c r="A42" s="149"/>
      <c r="B42" s="151"/>
      <c r="C42" s="153"/>
      <c r="D42" s="64"/>
      <c r="E42" s="151"/>
      <c r="F42" s="155"/>
      <c r="G42" s="155"/>
      <c r="H42" s="153"/>
      <c r="I42" s="65"/>
      <c r="J42" s="65"/>
      <c r="K42" s="66"/>
      <c r="L42" s="67"/>
      <c r="M42" s="68"/>
      <c r="N42" s="69" t="s">
        <v>101</v>
      </c>
    </row>
    <row r="43" spans="1:14" s="24" customFormat="1" ht="12" customHeight="1" x14ac:dyDescent="0.15">
      <c r="A43" s="162" t="s">
        <v>102</v>
      </c>
      <c r="B43" s="164" t="s">
        <v>18</v>
      </c>
      <c r="C43" s="156" t="s">
        <v>18</v>
      </c>
      <c r="D43" s="70"/>
      <c r="E43" s="164" t="s">
        <v>18</v>
      </c>
      <c r="F43" s="166" t="s">
        <v>18</v>
      </c>
      <c r="G43" s="166" t="s">
        <v>18</v>
      </c>
      <c r="H43" s="156" t="s">
        <v>18</v>
      </c>
      <c r="I43" s="71"/>
      <c r="J43" s="72"/>
      <c r="K43" s="73"/>
      <c r="L43" s="61">
        <v>420</v>
      </c>
      <c r="M43" s="62" t="s">
        <v>103</v>
      </c>
      <c r="N43" s="74" t="s">
        <v>104</v>
      </c>
    </row>
    <row r="44" spans="1:14" s="24" customFormat="1" ht="12" customHeight="1" x14ac:dyDescent="0.15">
      <c r="A44" s="163"/>
      <c r="B44" s="165"/>
      <c r="C44" s="157"/>
      <c r="D44" s="75" t="s">
        <v>105</v>
      </c>
      <c r="E44" s="165"/>
      <c r="F44" s="167"/>
      <c r="G44" s="167"/>
      <c r="H44" s="157"/>
      <c r="I44" s="76"/>
      <c r="J44" s="71" t="s">
        <v>106</v>
      </c>
      <c r="K44" s="73"/>
      <c r="L44" s="67"/>
      <c r="M44" s="77"/>
      <c r="N44" s="78" t="s">
        <v>107</v>
      </c>
    </row>
    <row r="45" spans="1:14" ht="12" customHeight="1" x14ac:dyDescent="0.15">
      <c r="A45" s="158" t="s">
        <v>108</v>
      </c>
      <c r="B45" s="159" t="s">
        <v>98</v>
      </c>
      <c r="C45" s="160" t="s">
        <v>98</v>
      </c>
      <c r="D45" s="79" t="s">
        <v>109</v>
      </c>
      <c r="E45" s="159" t="s">
        <v>18</v>
      </c>
      <c r="F45" s="161" t="s">
        <v>18</v>
      </c>
      <c r="G45" s="161" t="s">
        <v>98</v>
      </c>
      <c r="H45" s="160" t="s">
        <v>18</v>
      </c>
      <c r="I45" s="80"/>
      <c r="J45" s="65" t="s">
        <v>110</v>
      </c>
      <c r="K45" s="66"/>
      <c r="L45" s="81">
        <v>420</v>
      </c>
      <c r="M45" s="62" t="s">
        <v>99</v>
      </c>
      <c r="N45" s="63" t="s">
        <v>111</v>
      </c>
    </row>
    <row r="46" spans="1:14" ht="12" customHeight="1" x14ac:dyDescent="0.15">
      <c r="A46" s="149"/>
      <c r="B46" s="151"/>
      <c r="C46" s="153"/>
      <c r="D46" s="79" t="s">
        <v>112</v>
      </c>
      <c r="E46" s="151"/>
      <c r="F46" s="155"/>
      <c r="G46" s="155"/>
      <c r="H46" s="153"/>
      <c r="I46" s="65"/>
      <c r="J46" s="65"/>
      <c r="K46" s="66"/>
      <c r="L46" s="67"/>
      <c r="M46" s="77"/>
      <c r="N46" s="69" t="s">
        <v>113</v>
      </c>
    </row>
    <row r="47" spans="1:14" ht="12" customHeight="1" x14ac:dyDescent="0.15">
      <c r="A47" s="158" t="s">
        <v>114</v>
      </c>
      <c r="B47" s="159" t="s">
        <v>18</v>
      </c>
      <c r="C47" s="160" t="s">
        <v>98</v>
      </c>
      <c r="D47" s="79" t="s">
        <v>115</v>
      </c>
      <c r="E47" s="159" t="s">
        <v>18</v>
      </c>
      <c r="F47" s="161" t="s">
        <v>18</v>
      </c>
      <c r="G47" s="161" t="s">
        <v>98</v>
      </c>
      <c r="H47" s="160" t="s">
        <v>18</v>
      </c>
      <c r="I47" s="65"/>
      <c r="J47" s="65"/>
      <c r="K47" s="66"/>
      <c r="L47" s="61">
        <v>420</v>
      </c>
      <c r="M47" s="82" t="s">
        <v>99</v>
      </c>
      <c r="N47" s="63" t="s">
        <v>116</v>
      </c>
    </row>
    <row r="48" spans="1:14" ht="12" customHeight="1" x14ac:dyDescent="0.15">
      <c r="A48" s="149"/>
      <c r="B48" s="151"/>
      <c r="C48" s="153"/>
      <c r="D48" s="64"/>
      <c r="E48" s="151"/>
      <c r="F48" s="155"/>
      <c r="G48" s="155"/>
      <c r="H48" s="153"/>
      <c r="I48" s="65"/>
      <c r="J48" s="65"/>
      <c r="K48" s="66"/>
      <c r="L48" s="67"/>
      <c r="M48" s="68"/>
      <c r="N48" s="69" t="s">
        <v>117</v>
      </c>
    </row>
    <row r="49" spans="1:14" ht="12" customHeight="1" x14ac:dyDescent="0.15">
      <c r="A49" s="158" t="s">
        <v>118</v>
      </c>
      <c r="B49" s="159" t="s">
        <v>18</v>
      </c>
      <c r="C49" s="160" t="s">
        <v>18</v>
      </c>
      <c r="D49" s="64"/>
      <c r="E49" s="159" t="s">
        <v>18</v>
      </c>
      <c r="F49" s="161" t="s">
        <v>18</v>
      </c>
      <c r="G49" s="161" t="s">
        <v>98</v>
      </c>
      <c r="H49" s="160" t="s">
        <v>18</v>
      </c>
      <c r="I49" s="65"/>
      <c r="J49" s="65"/>
      <c r="K49" s="66"/>
      <c r="L49" s="61">
        <v>420</v>
      </c>
      <c r="M49" s="83">
        <v>100</v>
      </c>
      <c r="N49" s="63" t="s">
        <v>119</v>
      </c>
    </row>
    <row r="50" spans="1:14" ht="12" customHeight="1" x14ac:dyDescent="0.15">
      <c r="A50" s="149"/>
      <c r="B50" s="151"/>
      <c r="C50" s="153"/>
      <c r="D50" s="64"/>
      <c r="E50" s="151"/>
      <c r="F50" s="155"/>
      <c r="G50" s="155"/>
      <c r="H50" s="153"/>
      <c r="I50" s="65"/>
      <c r="J50" s="65"/>
      <c r="K50" s="66"/>
      <c r="L50" s="67"/>
      <c r="M50" s="68" t="s">
        <v>103</v>
      </c>
      <c r="N50" s="69" t="s">
        <v>120</v>
      </c>
    </row>
    <row r="51" spans="1:14" ht="12" customHeight="1" x14ac:dyDescent="0.15">
      <c r="A51" s="158" t="s">
        <v>121</v>
      </c>
      <c r="B51" s="159" t="s">
        <v>98</v>
      </c>
      <c r="C51" s="160" t="s">
        <v>18</v>
      </c>
      <c r="D51" s="64"/>
      <c r="E51" s="159" t="s">
        <v>18</v>
      </c>
      <c r="F51" s="161" t="s">
        <v>18</v>
      </c>
      <c r="G51" s="161" t="s">
        <v>98</v>
      </c>
      <c r="H51" s="160" t="s">
        <v>18</v>
      </c>
      <c r="I51" s="65"/>
      <c r="J51" s="65"/>
      <c r="K51" s="66"/>
      <c r="L51" s="81">
        <v>420</v>
      </c>
      <c r="M51" s="83">
        <v>80</v>
      </c>
      <c r="N51" s="84" t="s">
        <v>122</v>
      </c>
    </row>
    <row r="52" spans="1:14" ht="12" customHeight="1" thickBot="1" x14ac:dyDescent="0.2">
      <c r="A52" s="171"/>
      <c r="B52" s="172"/>
      <c r="C52" s="168"/>
      <c r="D52" s="85"/>
      <c r="E52" s="172"/>
      <c r="F52" s="173"/>
      <c r="G52" s="173"/>
      <c r="H52" s="168"/>
      <c r="I52" s="86"/>
      <c r="J52" s="86"/>
      <c r="K52" s="87"/>
      <c r="L52" s="88"/>
      <c r="M52" s="89" t="s">
        <v>103</v>
      </c>
      <c r="N52" s="90" t="s">
        <v>123</v>
      </c>
    </row>
    <row r="53" spans="1:14" x14ac:dyDescent="0.15">
      <c r="A53" s="5" t="s">
        <v>124</v>
      </c>
      <c r="N53" s="169" t="s">
        <v>125</v>
      </c>
    </row>
    <row r="54" spans="1:14" x14ac:dyDescent="0.15">
      <c r="A54" s="5" t="s">
        <v>126</v>
      </c>
      <c r="N54" s="170"/>
    </row>
    <row r="55" spans="1:14" x14ac:dyDescent="0.15">
      <c r="A55" s="5" t="s">
        <v>127</v>
      </c>
    </row>
    <row r="56" spans="1:14" ht="8.25" customHeight="1" x14ac:dyDescent="0.15"/>
    <row r="59" spans="1:14" ht="19.5" customHeight="1" x14ac:dyDescent="0.15">
      <c r="N59" s="91" t="s">
        <v>128</v>
      </c>
    </row>
    <row r="60" spans="1:14" x14ac:dyDescent="0.15">
      <c r="A60" s="92"/>
    </row>
  </sheetData>
  <mergeCells count="155">
    <mergeCell ref="H51:H52"/>
    <mergeCell ref="N53:N54"/>
    <mergeCell ref="A51:A52"/>
    <mergeCell ref="B51:B52"/>
    <mergeCell ref="C51:C52"/>
    <mergeCell ref="E51:E52"/>
    <mergeCell ref="F51:F52"/>
    <mergeCell ref="G51:G52"/>
    <mergeCell ref="H47:H48"/>
    <mergeCell ref="A49:A50"/>
    <mergeCell ref="B49:B50"/>
    <mergeCell ref="C49:C50"/>
    <mergeCell ref="E49:E50"/>
    <mergeCell ref="F49:F50"/>
    <mergeCell ref="G49:G50"/>
    <mergeCell ref="H49:H50"/>
    <mergeCell ref="A47:A48"/>
    <mergeCell ref="B47:B48"/>
    <mergeCell ref="C47:C48"/>
    <mergeCell ref="E47:E48"/>
    <mergeCell ref="F47:F48"/>
    <mergeCell ref="G47:G48"/>
    <mergeCell ref="H43:H44"/>
    <mergeCell ref="A45:A46"/>
    <mergeCell ref="B45:B46"/>
    <mergeCell ref="C45:C46"/>
    <mergeCell ref="E45:E46"/>
    <mergeCell ref="F45:F46"/>
    <mergeCell ref="G45:G46"/>
    <mergeCell ref="H45:H46"/>
    <mergeCell ref="A43:A44"/>
    <mergeCell ref="B43:B44"/>
    <mergeCell ref="C43:C44"/>
    <mergeCell ref="E43:E44"/>
    <mergeCell ref="F43:F44"/>
    <mergeCell ref="G43:G44"/>
    <mergeCell ref="B39:C39"/>
    <mergeCell ref="E39:F39"/>
    <mergeCell ref="G39:H39"/>
    <mergeCell ref="A41:A42"/>
    <mergeCell ref="B41:B42"/>
    <mergeCell ref="C41:C42"/>
    <mergeCell ref="E41:E42"/>
    <mergeCell ref="F41:F42"/>
    <mergeCell ref="G41:G42"/>
    <mergeCell ref="H41:H42"/>
    <mergeCell ref="B37:C37"/>
    <mergeCell ref="E37:F37"/>
    <mergeCell ref="G37:H37"/>
    <mergeCell ref="B38:C38"/>
    <mergeCell ref="E38:F38"/>
    <mergeCell ref="G38:H38"/>
    <mergeCell ref="B35:C35"/>
    <mergeCell ref="E35:F35"/>
    <mergeCell ref="G35:H35"/>
    <mergeCell ref="B36:C36"/>
    <mergeCell ref="E36:F36"/>
    <mergeCell ref="G36:H36"/>
    <mergeCell ref="B33:C33"/>
    <mergeCell ref="E33:F33"/>
    <mergeCell ref="G33:H33"/>
    <mergeCell ref="B34:C34"/>
    <mergeCell ref="E34:F34"/>
    <mergeCell ref="G34:H34"/>
    <mergeCell ref="B31:C31"/>
    <mergeCell ref="E31:F31"/>
    <mergeCell ref="G31:H31"/>
    <mergeCell ref="B32:C32"/>
    <mergeCell ref="E32:F32"/>
    <mergeCell ref="G32:H32"/>
    <mergeCell ref="B29:C29"/>
    <mergeCell ref="E29:F29"/>
    <mergeCell ref="G29:H29"/>
    <mergeCell ref="B30:C30"/>
    <mergeCell ref="E30:F30"/>
    <mergeCell ref="G30:H30"/>
    <mergeCell ref="B27:C27"/>
    <mergeCell ref="E27:F27"/>
    <mergeCell ref="G27:H27"/>
    <mergeCell ref="B28:C28"/>
    <mergeCell ref="E28:F28"/>
    <mergeCell ref="G28:H28"/>
    <mergeCell ref="B25:C25"/>
    <mergeCell ref="E25:F25"/>
    <mergeCell ref="G25:H25"/>
    <mergeCell ref="B26:C26"/>
    <mergeCell ref="E26:F26"/>
    <mergeCell ref="G26:H26"/>
    <mergeCell ref="B23:C23"/>
    <mergeCell ref="E23:F23"/>
    <mergeCell ref="G23:H23"/>
    <mergeCell ref="B24:C24"/>
    <mergeCell ref="E24:F24"/>
    <mergeCell ref="G24:H24"/>
    <mergeCell ref="B21:C21"/>
    <mergeCell ref="E21:F21"/>
    <mergeCell ref="G21:H21"/>
    <mergeCell ref="B22:C22"/>
    <mergeCell ref="E22:F22"/>
    <mergeCell ref="G22:H22"/>
    <mergeCell ref="B19:C19"/>
    <mergeCell ref="E19:F19"/>
    <mergeCell ref="G19:H19"/>
    <mergeCell ref="B20:C20"/>
    <mergeCell ref="E20:F20"/>
    <mergeCell ref="G20:H20"/>
    <mergeCell ref="B17:C17"/>
    <mergeCell ref="E17:F17"/>
    <mergeCell ref="G17:H17"/>
    <mergeCell ref="B18:C18"/>
    <mergeCell ref="E18:F18"/>
    <mergeCell ref="G18:H18"/>
    <mergeCell ref="B15:C15"/>
    <mergeCell ref="E15:F15"/>
    <mergeCell ref="G15:H15"/>
    <mergeCell ref="B16:C16"/>
    <mergeCell ref="E16:F16"/>
    <mergeCell ref="G16:H16"/>
    <mergeCell ref="B13:C13"/>
    <mergeCell ref="E13:F13"/>
    <mergeCell ref="G13:H13"/>
    <mergeCell ref="B14:C14"/>
    <mergeCell ref="E14:F14"/>
    <mergeCell ref="G14:H14"/>
    <mergeCell ref="B11:C11"/>
    <mergeCell ref="E11:F11"/>
    <mergeCell ref="G11:H11"/>
    <mergeCell ref="B12:C12"/>
    <mergeCell ref="E12:F12"/>
    <mergeCell ref="G12:H12"/>
    <mergeCell ref="B9:C9"/>
    <mergeCell ref="E9:F9"/>
    <mergeCell ref="G9:H9"/>
    <mergeCell ref="B10:C10"/>
    <mergeCell ref="E10:F10"/>
    <mergeCell ref="G10:H10"/>
    <mergeCell ref="B7:C7"/>
    <mergeCell ref="E7:F7"/>
    <mergeCell ref="G7:H7"/>
    <mergeCell ref="B8:C8"/>
    <mergeCell ref="E8:F8"/>
    <mergeCell ref="G8:H8"/>
    <mergeCell ref="L3:M4"/>
    <mergeCell ref="N3:N6"/>
    <mergeCell ref="A4:A5"/>
    <mergeCell ref="L5:L6"/>
    <mergeCell ref="M5:M6"/>
    <mergeCell ref="E6:F6"/>
    <mergeCell ref="G6:H6"/>
    <mergeCell ref="B3:C6"/>
    <mergeCell ref="D3:D5"/>
    <mergeCell ref="E3:H4"/>
    <mergeCell ref="I3:I6"/>
    <mergeCell ref="J3:J6"/>
    <mergeCell ref="K3:K5"/>
  </mergeCells>
  <phoneticPr fontId="3"/>
  <printOptions gridLinesSet="0"/>
  <pageMargins left="0.7" right="0.7" top="0.75" bottom="0.75" header="0.3" footer="0.3"/>
  <pageSetup paperSize="9" scale="84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4表</vt:lpstr>
      <vt:lpstr>第14表!Print_Area</vt:lpstr>
      <vt:lpstr>第14表!Print_Area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12T06:49:11Z</cp:lastPrinted>
  <dcterms:created xsi:type="dcterms:W3CDTF">2018-03-12T06:42:27Z</dcterms:created>
  <dcterms:modified xsi:type="dcterms:W3CDTF">2018-03-12T06:52:37Z</dcterms:modified>
</cp:coreProperties>
</file>